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omments1.xml" ContentType="application/vnd.openxmlformats-officedocument.spreadsheetml.comments+xml"/>
  <Override PartName="/xl/drawings/drawing3.xml" ContentType="application/vnd.openxmlformats-officedocument.drawing+xml"/>
  <Override PartName="/xl/comments2.xml" ContentType="application/vnd.openxmlformats-officedocument.spreadsheetml.comments+xml"/>
  <Override PartName="/xl/drawings/drawing4.xml" ContentType="application/vnd.openxmlformats-officedocument.drawing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929"/>
  <workbookPr/>
  <mc:AlternateContent xmlns:mc="http://schemas.openxmlformats.org/markup-compatibility/2006">
    <mc:Choice Requires="x15">
      <x15ac:absPath xmlns:x15ac="http://schemas.microsoft.com/office/spreadsheetml/2010/11/ac" url="C:\Users\s49513\Desktop\R8北信越総体（各県委員長あて）\"/>
    </mc:Choice>
  </mc:AlternateContent>
  <xr:revisionPtr revIDLastSave="0" documentId="13_ncr:1_{89D46373-4B1B-4363-88E3-0E12A2FAE67E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2026タイムテーブル 案260424" sheetId="23" r:id="rId1"/>
    <sheet name="2026タイムテーブル 案260227(対称) " sheetId="22" r:id="rId2"/>
    <sheet name="2026タイムテーブル素案 (対称)" sheetId="21" state="hidden" r:id="rId3"/>
    <sheet name="補足説明" sheetId="20" state="hidden" r:id="rId4"/>
    <sheet name="2025タイムテーブル（福井）" sheetId="19" state="hidden" r:id="rId5"/>
  </sheets>
  <definedNames>
    <definedName name="_xlnm.Print_Area" localSheetId="4">'2025タイムテーブル（福井）'!$A$1:$I$167</definedName>
    <definedName name="_xlnm.Print_Area" localSheetId="1">'2026タイムテーブル 案260227(対称) '!$A$1:$U$172</definedName>
    <definedName name="_xlnm.Print_Area" localSheetId="0">'2026タイムテーブル 案260424'!$A$1:$I$172</definedName>
    <definedName name="_xlnm.Print_Area" localSheetId="2">'2026タイムテーブル素案 (対称)'!$A$1:$V$17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120300</author>
  </authors>
  <commentList>
    <comment ref="C56" authorId="0" shapeId="0" xr:uid="{00000000-0006-0000-0100-000001000000}">
      <text>
        <r>
          <rPr>
            <b/>
            <sz val="9"/>
            <rFont val="MS P ゴシック"/>
            <charset val="128"/>
          </rPr>
          <t>120300</t>
        </r>
        <r>
          <rPr>
            <sz val="9"/>
            <rFont val="MS P ゴシック"/>
            <charset val="128"/>
          </rPr>
          <t xml:space="preserve">
同日１６：４５
</t>
        </r>
      </text>
    </comment>
    <comment ref="C104" authorId="0" shapeId="0" xr:uid="{00000000-0006-0000-0100-000002000000}">
      <text>
        <r>
          <rPr>
            <b/>
            <sz val="9"/>
            <rFont val="MS P ゴシック"/>
            <charset val="128"/>
          </rPr>
          <t>120300:</t>
        </r>
        <r>
          <rPr>
            <sz val="9"/>
            <rFont val="MS P ゴシック"/>
            <charset val="128"/>
          </rPr>
          <t xml:space="preserve">
同日　１６：１５</t>
        </r>
      </text>
    </comment>
    <comment ref="M121" authorId="0" shapeId="0" xr:uid="{00000000-0006-0000-0100-000003000000}">
      <text>
        <r>
          <rPr>
            <b/>
            <sz val="9"/>
            <rFont val="MS P ゴシック"/>
            <charset val="128"/>
          </rPr>
          <t>120300:</t>
        </r>
        <r>
          <rPr>
            <sz val="9"/>
            <rFont val="MS P ゴシック"/>
            <charset val="128"/>
          </rPr>
          <t xml:space="preserve">
同日　１６：１５</t>
        </r>
      </text>
    </comment>
    <comment ref="C142" authorId="0" shapeId="0" xr:uid="{00000000-0006-0000-0100-000004000000}">
      <text>
        <r>
          <rPr>
            <b/>
            <sz val="9"/>
            <rFont val="MS P ゴシック"/>
            <charset val="128"/>
          </rPr>
          <t>120300:</t>
        </r>
        <r>
          <rPr>
            <sz val="9"/>
            <rFont val="MS P ゴシック"/>
            <charset val="128"/>
          </rPr>
          <t xml:space="preserve">
１日目　１７：００</t>
        </r>
      </text>
    </comment>
    <comment ref="C149" authorId="0" shapeId="0" xr:uid="{00000000-0006-0000-0100-000005000000}">
      <text>
        <r>
          <rPr>
            <b/>
            <sz val="9"/>
            <rFont val="MS P ゴシック"/>
            <charset val="128"/>
          </rPr>
          <t>120300:</t>
        </r>
        <r>
          <rPr>
            <sz val="9"/>
            <rFont val="MS P ゴシック"/>
            <charset val="128"/>
          </rPr>
          <t xml:space="preserve">
同日　９：２０</t>
        </r>
      </text>
    </comment>
    <comment ref="C152" authorId="0" shapeId="0" xr:uid="{00000000-0006-0000-0100-000006000000}">
      <text>
        <r>
          <rPr>
            <b/>
            <sz val="9"/>
            <rFont val="MS P ゴシック"/>
            <charset val="128"/>
          </rPr>
          <t>120300:</t>
        </r>
        <r>
          <rPr>
            <sz val="9"/>
            <rFont val="MS P ゴシック"/>
            <charset val="128"/>
          </rPr>
          <t xml:space="preserve">
同日　１０；３０
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120300</author>
  </authors>
  <commentList>
    <comment ref="C56" authorId="0" shapeId="0" xr:uid="{00000000-0006-0000-0200-000001000000}">
      <text>
        <r>
          <rPr>
            <b/>
            <sz val="9"/>
            <rFont val="MS P ゴシック"/>
            <charset val="128"/>
          </rPr>
          <t>120300</t>
        </r>
        <r>
          <rPr>
            <sz val="9"/>
            <rFont val="MS P ゴシック"/>
            <charset val="128"/>
          </rPr>
          <t xml:space="preserve">
同日１６：４５
</t>
        </r>
      </text>
    </comment>
    <comment ref="C104" authorId="0" shapeId="0" xr:uid="{00000000-0006-0000-0200-000002000000}">
      <text>
        <r>
          <rPr>
            <b/>
            <sz val="9"/>
            <rFont val="MS P ゴシック"/>
            <charset val="128"/>
          </rPr>
          <t>120300:</t>
        </r>
        <r>
          <rPr>
            <sz val="9"/>
            <rFont val="MS P ゴシック"/>
            <charset val="128"/>
          </rPr>
          <t xml:space="preserve">
同日　１６：１５</t>
        </r>
      </text>
    </comment>
    <comment ref="M122" authorId="0" shapeId="0" xr:uid="{00000000-0006-0000-0200-000003000000}">
      <text>
        <r>
          <rPr>
            <b/>
            <sz val="9"/>
            <rFont val="MS P ゴシック"/>
            <charset val="128"/>
          </rPr>
          <t>120300:</t>
        </r>
        <r>
          <rPr>
            <sz val="9"/>
            <rFont val="MS P ゴシック"/>
            <charset val="128"/>
          </rPr>
          <t xml:space="preserve">
同日　１６：１５</t>
        </r>
      </text>
    </comment>
    <comment ref="C142" authorId="0" shapeId="0" xr:uid="{00000000-0006-0000-0200-000004000000}">
      <text>
        <r>
          <rPr>
            <b/>
            <sz val="9"/>
            <rFont val="MS P ゴシック"/>
            <charset val="128"/>
          </rPr>
          <t>120300:</t>
        </r>
        <r>
          <rPr>
            <sz val="9"/>
            <rFont val="MS P ゴシック"/>
            <charset val="128"/>
          </rPr>
          <t xml:space="preserve">
１日目　１７：００</t>
        </r>
      </text>
    </comment>
    <comment ref="C149" authorId="0" shapeId="0" xr:uid="{00000000-0006-0000-0200-000005000000}">
      <text>
        <r>
          <rPr>
            <b/>
            <sz val="9"/>
            <rFont val="MS P ゴシック"/>
            <charset val="128"/>
          </rPr>
          <t>120300:</t>
        </r>
        <r>
          <rPr>
            <sz val="9"/>
            <rFont val="MS P ゴシック"/>
            <charset val="128"/>
          </rPr>
          <t xml:space="preserve">
同日　９：２０</t>
        </r>
      </text>
    </comment>
    <comment ref="C152" authorId="0" shapeId="0" xr:uid="{00000000-0006-0000-0200-000006000000}">
      <text>
        <r>
          <rPr>
            <b/>
            <sz val="9"/>
            <rFont val="MS P ゴシック"/>
            <charset val="128"/>
          </rPr>
          <t>120300:</t>
        </r>
        <r>
          <rPr>
            <sz val="9"/>
            <rFont val="MS P ゴシック"/>
            <charset val="128"/>
          </rPr>
          <t xml:space="preserve">
同日　１０；３０
</t>
        </r>
      </text>
    </comment>
  </commentList>
</comments>
</file>

<file path=xl/sharedStrings.xml><?xml version="1.0" encoding="utf-8"?>
<sst xmlns="http://schemas.openxmlformats.org/spreadsheetml/2006/main" count="3020" uniqueCount="142">
  <si>
    <t>令和８年　第６５回北信越高等学校総合体育大会　陸上競技大会</t>
  </si>
  <si>
    <t>競 技 日 程（案）</t>
  </si>
  <si>
    <t>１日目　　［　６月１８日（木）　］</t>
  </si>
  <si>
    <t>【トラック】</t>
  </si>
  <si>
    <t>順序</t>
  </si>
  <si>
    <t>性別</t>
  </si>
  <si>
    <t>種目</t>
  </si>
  <si>
    <t>種別</t>
  </si>
  <si>
    <t>組－着＋α</t>
  </si>
  <si>
    <t>競技開始時刻</t>
  </si>
  <si>
    <t>組</t>
  </si>
  <si>
    <t>招集開始時刻</t>
  </si>
  <si>
    <t>招集完了時刻</t>
  </si>
  <si>
    <t>女</t>
  </si>
  <si>
    <t>４×１００ｍＲ</t>
  </si>
  <si>
    <t>予</t>
  </si>
  <si>
    <t>5組3着＋1</t>
  </si>
  <si>
    <t>1・2</t>
  </si>
  <si>
    <t>3・4</t>
  </si>
  <si>
    <t>男</t>
  </si>
  <si>
    <t>１５００ｍ</t>
  </si>
  <si>
    <t>2組5着＋2</t>
  </si>
  <si>
    <t>４００ｍ</t>
  </si>
  <si>
    <t>５０００ｍＷ</t>
  </si>
  <si>
    <t>決</t>
  </si>
  <si>
    <t>【フィールド・跳躍】</t>
  </si>
  <si>
    <t>競技場所</t>
  </si>
  <si>
    <t>棒高跳</t>
  </si>
  <si>
    <t>バック</t>
  </si>
  <si>
    <t>走幅跳</t>
  </si>
  <si>
    <t>メイン（２ピット）</t>
  </si>
  <si>
    <t>【フィールド・投てき】</t>
  </si>
  <si>
    <t>ハンマー投</t>
  </si>
  <si>
    <t>Aゾーン</t>
  </si>
  <si>
    <t>砲丸投</t>
  </si>
  <si>
    <t>Bゾーン</t>
  </si>
  <si>
    <t>２日目　　［　６月１９日（金）　］</t>
  </si>
  <si>
    <t>⑧１００ｍ</t>
  </si>
  <si>
    <t>八種</t>
  </si>
  <si>
    <t>3組</t>
  </si>
  <si>
    <t>準</t>
  </si>
  <si>
    <t>2組3着＋2</t>
  </si>
  <si>
    <t>１００ｍＨ</t>
  </si>
  <si>
    <t>１１０ｍＨ</t>
  </si>
  <si>
    <t>４００ｍＨ</t>
  </si>
  <si>
    <t>⑧４００ｍ</t>
  </si>
  <si>
    <t>(混成控室）</t>
  </si>
  <si>
    <t>走高跳</t>
  </si>
  <si>
    <t>⑧走幅跳</t>
  </si>
  <si>
    <t>メイン</t>
  </si>
  <si>
    <t>やり投</t>
  </si>
  <si>
    <t>⑧砲丸投</t>
  </si>
  <si>
    <t>３日目　　［　６月２０日（土）　］</t>
  </si>
  <si>
    <t>⑦１００ｍＨ</t>
  </si>
  <si>
    <t>七種</t>
  </si>
  <si>
    <t>⑧１１０ｍＨ</t>
  </si>
  <si>
    <t>１００ｍ</t>
  </si>
  <si>
    <t>８００ｍ</t>
  </si>
  <si>
    <t>３０００ｍＳＣ</t>
  </si>
  <si>
    <t>⑦２００ｍ</t>
  </si>
  <si>
    <t>⑧１５００ｍ</t>
  </si>
  <si>
    <t>1組</t>
  </si>
  <si>
    <t>４×４００ｍＲ</t>
  </si>
  <si>
    <t>５０００ｍ</t>
  </si>
  <si>
    <t>⑦走高跳</t>
  </si>
  <si>
    <t>Aゾーン(2ピット)</t>
  </si>
  <si>
    <t>⑧走高跳</t>
  </si>
  <si>
    <t>三段跳</t>
  </si>
  <si>
    <t>⑧やり投</t>
  </si>
  <si>
    <t>⑦砲丸投</t>
  </si>
  <si>
    <t>４日目　　［　６月２１日（日）　］</t>
  </si>
  <si>
    <t>３０００ｍ</t>
  </si>
  <si>
    <t>２００ｍ</t>
  </si>
  <si>
    <t>⑦８００ｍ</t>
  </si>
  <si>
    <t>⑦走幅跳</t>
  </si>
  <si>
    <t>円盤投</t>
  </si>
  <si>
    <t>⑦やり投</t>
  </si>
  <si>
    <t>令和７年　第６４回北信越高等学校総合体育大会　陸上競技大会</t>
  </si>
  <si>
    <t>１日目　　［　６月１９日（木）　］</t>
  </si>
  <si>
    <t>４日目(10:00)</t>
  </si>
  <si>
    <t>17:30終了予定</t>
  </si>
  <si>
    <t>400R終了後</t>
  </si>
  <si>
    <t>２日目　　［　６月２０日（金）　］</t>
  </si>
  <si>
    <t>同日(14:05)</t>
  </si>
  <si>
    <t>17:25終了予定</t>
  </si>
  <si>
    <t>３日目　　［　６月２１日（土）　］</t>
  </si>
  <si>
    <t>同日(13:15)</t>
  </si>
  <si>
    <t>18:25終了予定</t>
  </si>
  <si>
    <t>Bゾーン(2ピット)</t>
  </si>
  <si>
    <t>４日目　　［　６月２２日（日）　］</t>
  </si>
  <si>
    <t>同日(12:50)</t>
  </si>
  <si>
    <t>同日(11:35）</t>
  </si>
  <si>
    <t>変更なし</t>
  </si>
  <si>
    <t>15:20終了予定</t>
  </si>
  <si>
    <t>17:20終了予定</t>
  </si>
  <si>
    <t>競歩審判業務の短縮</t>
  </si>
  <si>
    <t>1600Rより1h30(例年通り)</t>
  </si>
  <si>
    <t>1600Rより1h35(例年通り)</t>
  </si>
  <si>
    <t>予選から1h35(例年通り)</t>
  </si>
  <si>
    <t>予選から1h25(例年通り)</t>
  </si>
  <si>
    <t>準決から1h40(例年通り)</t>
  </si>
  <si>
    <t>準決から1h35(例年通り)</t>
  </si>
  <si>
    <t>200決から55分(例年通り)</t>
  </si>
  <si>
    <t>補足説明</t>
  </si>
  <si>
    <t>　１　暑熱対策の観点より、長距離種目についてのみ変更した。</t>
  </si>
  <si>
    <t>　２　短距離種目等におけるラウンド間の時間については、R7年度開催（福井県）と同様。</t>
  </si>
  <si>
    <t>　３　競技終了時刻が全日３０分～６０分程度遅くなる。</t>
  </si>
  <si>
    <t xml:space="preserve">         １日目（１６：４５→１７：３０）　２日目（１６：３５→１７：２０）　３日目（１７：５５→１８：２５）　４日目（１５：１０→１５：３０）</t>
  </si>
  <si>
    <t>１　競技日程を変更した種目（２種目）</t>
  </si>
  <si>
    <t>　　１）男子５０００ｍW決勝（４日目→１日目）　　</t>
  </si>
  <si>
    <t>２　競技開始時刻を変更した種目</t>
  </si>
  <si>
    <t>　　１）男子５０００ｍ決勝　　２）男子３０００ｍＳＣ決勝　　３）男子５０００ｍＷ決勝</t>
  </si>
  <si>
    <t>　　４）女子３０００ｍ決勝　　５）女子５０００ｍＷ決勝　　６）男子走幅跳</t>
  </si>
  <si>
    <t>３　実施日ごとに整理したもの</t>
  </si>
  <si>
    <t>変更前</t>
  </si>
  <si>
    <t>変更後</t>
  </si>
  <si>
    <t>メリット</t>
  </si>
  <si>
    <t>デメリット</t>
  </si>
  <si>
    <t>１日目</t>
  </si>
  <si>
    <t>男子５０００ｍＷ決勝※</t>
  </si>
  <si>
    <t>４日目　１０：００</t>
  </si>
  <si>
    <t>１日目　１７：００</t>
  </si>
  <si>
    <t xml:space="preserve">
◎各県競歩審判の滞在が１泊２日でも可能となる。(例年２日目と４日目）</t>
  </si>
  <si>
    <t>２日目</t>
  </si>
  <si>
    <t>女子５０００ｍＷ決勝※</t>
  </si>
  <si>
    <t>１４：０５</t>
  </si>
  <si>
    <t>１６：４５</t>
  </si>
  <si>
    <t>３日目</t>
  </si>
  <si>
    <t>男子５０００ｍ決勝</t>
  </si>
  <si>
    <t>１３：１５</t>
  </si>
  <si>
    <t>１８：０５</t>
  </si>
  <si>
    <t>４日目</t>
  </si>
  <si>
    <t>１日目　１６：５５</t>
  </si>
  <si>
    <t>女子３０００ｍ決勝</t>
  </si>
  <si>
    <t>１１：３０</t>
  </si>
  <si>
    <t>男子３０００ｍＳＣ決勝</t>
  </si>
  <si>
    <t>１２：５０</t>
  </si>
  <si>
    <t>４　まとめ</t>
  </si>
  <si>
    <t>　１　できる限りこれまでの日程を変えずに、長距離種目を午前または１６：００以降に移動した。（本当に暑くないのかは疑問？）</t>
  </si>
  <si>
    <t>　２　８００ｍ（予選・準決・決勝）、１５００ｍ（予選、決勝）、３０００ｍＳＣ（予選15:15）は移動できませんでした。</t>
  </si>
  <si>
    <t>　３　競技終了時間が全日６０分程度繰り下がることに問題はないか？</t>
  </si>
  <si>
    <t>競 技 日 程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h:mm;@"/>
  </numFmts>
  <fonts count="20">
    <font>
      <sz val="11"/>
      <name val="ＭＳ Ｐゴシック"/>
      <charset val="128"/>
    </font>
    <font>
      <sz val="11"/>
      <name val="ＭＳ ゴシック"/>
      <charset val="128"/>
    </font>
    <font>
      <sz val="14"/>
      <name val="ＭＳ ゴシック"/>
      <charset val="128"/>
    </font>
    <font>
      <sz val="9"/>
      <name val="ＭＳ ゴシック"/>
      <charset val="128"/>
    </font>
    <font>
      <sz val="11"/>
      <color theme="1"/>
      <name val="ＭＳ ゴシック"/>
      <charset val="128"/>
    </font>
    <font>
      <sz val="11"/>
      <color rgb="FFFF0000"/>
      <name val="ＭＳ ゴシック"/>
      <charset val="128"/>
    </font>
    <font>
      <sz val="16"/>
      <name val="ＭＳ Ｐゴシック"/>
      <charset val="128"/>
    </font>
    <font>
      <b/>
      <sz val="14"/>
      <name val="ＭＳ Ｐゴシック"/>
      <charset val="128"/>
    </font>
    <font>
      <sz val="12"/>
      <name val="ＭＳ Ｐゴシック"/>
      <charset val="128"/>
    </font>
    <font>
      <sz val="9"/>
      <name val="ＭＳ Ｐゴシック"/>
      <charset val="128"/>
    </font>
    <font>
      <b/>
      <sz val="11"/>
      <name val="ＭＳ ゴシック"/>
      <charset val="128"/>
    </font>
    <font>
      <b/>
      <sz val="11"/>
      <color theme="1"/>
      <name val="ＭＳ ゴシック"/>
      <charset val="128"/>
    </font>
    <font>
      <b/>
      <sz val="11"/>
      <color rgb="FFFF0000"/>
      <name val="ＭＳ ゴシック"/>
      <charset val="128"/>
    </font>
    <font>
      <sz val="9"/>
      <color theme="1"/>
      <name val="ＭＳ ゴシック"/>
      <charset val="128"/>
    </font>
    <font>
      <sz val="11"/>
      <color theme="1"/>
      <name val="ＭＳ Ｐゴシック"/>
      <charset val="128"/>
      <scheme val="minor"/>
    </font>
    <font>
      <b/>
      <sz val="9"/>
      <name val="MS P ゴシック"/>
      <charset val="128"/>
    </font>
    <font>
      <sz val="9"/>
      <name val="MS P ゴシック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3743705557422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</borders>
  <cellStyleXfs count="3">
    <xf numFmtId="0" fontId="0" fillId="0" borderId="0">
      <alignment vertical="center"/>
    </xf>
    <xf numFmtId="0" fontId="17" fillId="0" borderId="0">
      <alignment vertical="center"/>
    </xf>
    <xf numFmtId="0" fontId="14" fillId="0" borderId="0">
      <alignment vertical="center"/>
    </xf>
  </cellStyleXfs>
  <cellXfs count="102">
    <xf numFmtId="0" fontId="0" fillId="0" borderId="0" xfId="0">
      <alignment vertical="center"/>
    </xf>
    <xf numFmtId="0" fontId="1" fillId="0" borderId="0" xfId="0" applyFont="1">
      <alignment vertical="center"/>
    </xf>
    <xf numFmtId="176" fontId="1" fillId="0" borderId="0" xfId="0" applyNumberFormat="1" applyFont="1">
      <alignment vertical="center"/>
    </xf>
    <xf numFmtId="176" fontId="1" fillId="0" borderId="1" xfId="0" applyNumberFormat="1" applyFont="1" applyBorder="1" applyAlignment="1"/>
    <xf numFmtId="0" fontId="1" fillId="0" borderId="2" xfId="0" applyFont="1" applyBorder="1" applyAlignment="1">
      <alignment horizontal="center" vertical="center" shrinkToFit="1"/>
    </xf>
    <xf numFmtId="176" fontId="1" fillId="0" borderId="2" xfId="0" applyNumberFormat="1" applyFont="1" applyBorder="1" applyAlignment="1">
      <alignment horizontal="center" vertical="center" shrinkToFit="1"/>
    </xf>
    <xf numFmtId="0" fontId="1" fillId="0" borderId="3" xfId="0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176" fontId="1" fillId="0" borderId="2" xfId="0" applyNumberFormat="1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176" fontId="1" fillId="0" borderId="0" xfId="0" applyNumberFormat="1" applyFont="1" applyAlignment="1">
      <alignment horizontal="center" vertical="center"/>
    </xf>
    <xf numFmtId="0" fontId="1" fillId="0" borderId="0" xfId="0" applyFont="1" applyAlignment="1">
      <alignment horizontal="center" vertical="center" shrinkToFit="1"/>
    </xf>
    <xf numFmtId="0" fontId="1" fillId="0" borderId="1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shrinkToFit="1"/>
    </xf>
    <xf numFmtId="176" fontId="1" fillId="0" borderId="1" xfId="0" applyNumberFormat="1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1" fillId="2" borderId="2" xfId="0" applyFont="1" applyFill="1" applyBorder="1" applyAlignment="1">
      <alignment horizontal="center" vertical="center"/>
    </xf>
    <xf numFmtId="176" fontId="1" fillId="2" borderId="2" xfId="0" applyNumberFormat="1" applyFont="1" applyFill="1" applyBorder="1" applyAlignment="1">
      <alignment horizontal="center" vertical="center"/>
    </xf>
    <xf numFmtId="176" fontId="3" fillId="0" borderId="2" xfId="0" applyNumberFormat="1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 shrinkToFit="1"/>
    </xf>
    <xf numFmtId="176" fontId="1" fillId="0" borderId="6" xfId="0" applyNumberFormat="1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5" fillId="0" borderId="0" xfId="0" applyFont="1">
      <alignment vertical="center"/>
    </xf>
    <xf numFmtId="176" fontId="1" fillId="0" borderId="1" xfId="0" applyNumberFormat="1" applyFont="1" applyBorder="1" applyAlignment="1">
      <alignment horizontal="center" vertical="center" wrapText="1"/>
    </xf>
    <xf numFmtId="0" fontId="6" fillId="0" borderId="0" xfId="0" applyFont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0" fillId="0" borderId="7" xfId="0" applyBorder="1">
      <alignment vertical="center"/>
    </xf>
    <xf numFmtId="0" fontId="0" fillId="0" borderId="8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3" borderId="8" xfId="0" applyFill="1" applyBorder="1">
      <alignment vertical="center"/>
    </xf>
    <xf numFmtId="0" fontId="0" fillId="3" borderId="7" xfId="0" applyFill="1" applyBorder="1">
      <alignment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>
      <alignment vertical="center"/>
    </xf>
    <xf numFmtId="20" fontId="0" fillId="0" borderId="8" xfId="0" applyNumberFormat="1" applyBorder="1" applyAlignment="1">
      <alignment horizontal="center" vertical="center"/>
    </xf>
    <xf numFmtId="0" fontId="0" fillId="0" borderId="8" xfId="0" applyBorder="1">
      <alignment vertical="center"/>
    </xf>
    <xf numFmtId="0" fontId="9" fillId="0" borderId="7" xfId="0" applyFont="1" applyBorder="1" applyAlignment="1">
      <alignment vertical="center" wrapText="1"/>
    </xf>
    <xf numFmtId="0" fontId="9" fillId="0" borderId="9" xfId="0" applyFont="1" applyBorder="1" applyAlignment="1">
      <alignment vertical="center" wrapText="1"/>
    </xf>
    <xf numFmtId="0" fontId="0" fillId="3" borderId="12" xfId="0" applyFill="1" applyBorder="1">
      <alignment vertical="center"/>
    </xf>
    <xf numFmtId="0" fontId="9" fillId="0" borderId="7" xfId="0" applyFont="1" applyBorder="1">
      <alignment vertical="center"/>
    </xf>
    <xf numFmtId="0" fontId="9" fillId="0" borderId="9" xfId="0" applyFont="1" applyBorder="1">
      <alignment vertical="center"/>
    </xf>
    <xf numFmtId="0" fontId="0" fillId="0" borderId="14" xfId="0" applyBorder="1">
      <alignment vertical="center"/>
    </xf>
    <xf numFmtId="20" fontId="0" fillId="0" borderId="14" xfId="0" applyNumberFormat="1" applyBorder="1" applyAlignment="1">
      <alignment horizontal="center" vertical="center"/>
    </xf>
    <xf numFmtId="0" fontId="9" fillId="0" borderId="13" xfId="0" applyFont="1" applyBorder="1">
      <alignment vertical="center"/>
    </xf>
    <xf numFmtId="0" fontId="9" fillId="0" borderId="15" xfId="0" applyFont="1" applyBorder="1">
      <alignment vertical="center"/>
    </xf>
    <xf numFmtId="176" fontId="5" fillId="2" borderId="2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 shrinkToFit="1"/>
    </xf>
    <xf numFmtId="176" fontId="1" fillId="0" borderId="0" xfId="0" applyNumberFormat="1" applyFont="1" applyAlignment="1">
      <alignment horizontal="left" vertical="center"/>
    </xf>
    <xf numFmtId="176" fontId="5" fillId="0" borderId="2" xfId="0" applyNumberFormat="1" applyFont="1" applyBorder="1" applyAlignment="1">
      <alignment horizontal="center" vertical="center"/>
    </xf>
    <xf numFmtId="0" fontId="10" fillId="4" borderId="2" xfId="0" applyFont="1" applyFill="1" applyBorder="1" applyAlignment="1">
      <alignment horizontal="center" vertical="center"/>
    </xf>
    <xf numFmtId="176" fontId="10" fillId="4" borderId="2" xfId="0" applyNumberFormat="1" applyFont="1" applyFill="1" applyBorder="1" applyAlignment="1">
      <alignment horizontal="center" vertical="center"/>
    </xf>
    <xf numFmtId="176" fontId="11" fillId="4" borderId="2" xfId="0" applyNumberFormat="1" applyFont="1" applyFill="1" applyBorder="1" applyAlignment="1">
      <alignment horizontal="center" vertical="center"/>
    </xf>
    <xf numFmtId="0" fontId="10" fillId="4" borderId="2" xfId="0" applyFont="1" applyFill="1" applyBorder="1" applyAlignment="1">
      <alignment horizontal="center" vertical="center" shrinkToFit="1"/>
    </xf>
    <xf numFmtId="0" fontId="11" fillId="4" borderId="2" xfId="0" applyFont="1" applyFill="1" applyBorder="1" applyAlignment="1">
      <alignment horizontal="center" vertical="center"/>
    </xf>
    <xf numFmtId="0" fontId="11" fillId="4" borderId="2" xfId="0" applyFont="1" applyFill="1" applyBorder="1" applyAlignment="1">
      <alignment horizontal="center" vertical="center" shrinkToFit="1"/>
    </xf>
    <xf numFmtId="176" fontId="12" fillId="4" borderId="2" xfId="0" applyNumberFormat="1" applyFont="1" applyFill="1" applyBorder="1" applyAlignment="1">
      <alignment horizontal="center" vertical="center"/>
    </xf>
    <xf numFmtId="176" fontId="4" fillId="0" borderId="2" xfId="0" applyNumberFormat="1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 shrinkToFit="1"/>
    </xf>
    <xf numFmtId="176" fontId="13" fillId="0" borderId="2" xfId="0" applyNumberFormat="1" applyFont="1" applyBorder="1" applyAlignment="1">
      <alignment horizontal="center" vertical="center"/>
    </xf>
    <xf numFmtId="0" fontId="1" fillId="0" borderId="2" xfId="0" quotePrefix="1" applyFont="1" applyBorder="1" applyAlignment="1">
      <alignment horizontal="center" vertical="center"/>
    </xf>
    <xf numFmtId="0" fontId="4" fillId="0" borderId="2" xfId="0" quotePrefix="1" applyFont="1" applyBorder="1" applyAlignment="1">
      <alignment horizontal="center" vertical="center"/>
    </xf>
    <xf numFmtId="20" fontId="0" fillId="0" borderId="7" xfId="0" quotePrefix="1" applyNumberFormat="1" applyBorder="1" applyAlignment="1">
      <alignment horizontal="center" vertical="center"/>
    </xf>
    <xf numFmtId="20" fontId="0" fillId="0" borderId="8" xfId="0" quotePrefix="1" applyNumberFormat="1" applyBorder="1" applyAlignment="1">
      <alignment horizontal="center" vertical="center"/>
    </xf>
    <xf numFmtId="0" fontId="0" fillId="0" borderId="8" xfId="0" quotePrefix="1" applyBorder="1" applyAlignment="1">
      <alignment horizontal="center" vertical="center" wrapText="1"/>
    </xf>
    <xf numFmtId="0" fontId="0" fillId="0" borderId="7" xfId="0" quotePrefix="1" applyBorder="1" applyAlignment="1">
      <alignment horizontal="center" vertical="center"/>
    </xf>
    <xf numFmtId="0" fontId="0" fillId="0" borderId="13" xfId="0" quotePrefix="1" applyBorder="1" applyAlignment="1">
      <alignment horizontal="center" vertical="center"/>
    </xf>
    <xf numFmtId="176" fontId="19" fillId="0" borderId="3" xfId="0" applyNumberFormat="1" applyFont="1" applyBorder="1" applyAlignment="1">
      <alignment horizontal="center" vertical="center"/>
    </xf>
    <xf numFmtId="0" fontId="19" fillId="0" borderId="2" xfId="0" quotePrefix="1" applyFont="1" applyBorder="1" applyAlignment="1">
      <alignment horizontal="center" vertical="center"/>
    </xf>
    <xf numFmtId="176" fontId="19" fillId="0" borderId="2" xfId="0" applyNumberFormat="1" applyFont="1" applyBorder="1" applyAlignment="1">
      <alignment horizontal="center" vertical="center"/>
    </xf>
    <xf numFmtId="0" fontId="19" fillId="0" borderId="2" xfId="0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176" fontId="1" fillId="0" borderId="5" xfId="0" applyNumberFormat="1" applyFont="1" applyBorder="1" applyAlignment="1">
      <alignment horizontal="center" vertical="center"/>
    </xf>
    <xf numFmtId="176" fontId="1" fillId="0" borderId="2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4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176" fontId="19" fillId="0" borderId="3" xfId="0" applyNumberFormat="1" applyFont="1" applyBorder="1" applyAlignment="1">
      <alignment horizontal="center" vertical="center"/>
    </xf>
    <xf numFmtId="176" fontId="19" fillId="0" borderId="4" xfId="0" applyNumberFormat="1" applyFont="1" applyBorder="1" applyAlignment="1">
      <alignment horizontal="center" vertical="center"/>
    </xf>
    <xf numFmtId="176" fontId="19" fillId="0" borderId="5" xfId="0" applyNumberFormat="1" applyFont="1" applyBorder="1" applyAlignment="1">
      <alignment horizontal="center" vertical="center"/>
    </xf>
    <xf numFmtId="0" fontId="1" fillId="0" borderId="3" xfId="0" quotePrefix="1" applyFont="1" applyBorder="1" applyAlignment="1">
      <alignment horizontal="center" vertical="center"/>
    </xf>
    <xf numFmtId="0" fontId="1" fillId="0" borderId="2" xfId="0" quotePrefix="1" applyFont="1" applyBorder="1" applyAlignment="1">
      <alignment horizontal="center" vertical="center"/>
    </xf>
    <xf numFmtId="176" fontId="2" fillId="0" borderId="0" xfId="0" applyNumberFormat="1" applyFont="1" applyAlignment="1">
      <alignment horizontal="center" vertical="center"/>
    </xf>
    <xf numFmtId="176" fontId="5" fillId="0" borderId="3" xfId="0" applyNumberFormat="1" applyFont="1" applyBorder="1" applyAlignment="1">
      <alignment horizontal="center" vertical="center"/>
    </xf>
    <xf numFmtId="176" fontId="5" fillId="0" borderId="4" xfId="0" applyNumberFormat="1" applyFont="1" applyBorder="1" applyAlignment="1">
      <alignment horizontal="center" vertical="center"/>
    </xf>
    <xf numFmtId="176" fontId="5" fillId="0" borderId="5" xfId="0" applyNumberFormat="1" applyFont="1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9" fillId="0" borderId="10" xfId="0" applyFont="1" applyBorder="1" applyAlignment="1">
      <alignment vertical="top" wrapText="1"/>
    </xf>
    <xf numFmtId="0" fontId="9" fillId="0" borderId="11" xfId="0" applyFont="1" applyBorder="1" applyAlignment="1">
      <alignment vertical="top" wrapText="1"/>
    </xf>
    <xf numFmtId="0" fontId="9" fillId="0" borderId="10" xfId="0" applyFont="1" applyBorder="1" applyAlignment="1">
      <alignment horizontal="center" vertical="center"/>
    </xf>
    <xf numFmtId="0" fontId="9" fillId="0" borderId="13" xfId="0" applyFont="1" applyBorder="1" applyAlignment="1">
      <alignment horizontal="center" vertical="center"/>
    </xf>
  </cellXfs>
  <cellStyles count="3">
    <cellStyle name="標準" xfId="0" builtinId="0"/>
    <cellStyle name="標準 2" xfId="1" xr:uid="{00000000-0005-0000-0000-000031000000}"/>
    <cellStyle name="標準 3" xfId="2" xr:uid="{00000000-0005-0000-0000-000032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528845</xdr:colOff>
      <xdr:row>72</xdr:row>
      <xdr:rowOff>0</xdr:rowOff>
    </xdr:from>
    <xdr:ext cx="385555" cy="92398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1235710" y="17211675"/>
          <a:ext cx="386080" cy="92075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vert="wordArtVertRtl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12</xdr:col>
      <xdr:colOff>528845</xdr:colOff>
      <xdr:row>72</xdr:row>
      <xdr:rowOff>0</xdr:rowOff>
    </xdr:from>
    <xdr:ext cx="385555" cy="92398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/>
      </xdr:nvSpPr>
      <xdr:spPr>
        <a:xfrm>
          <a:off x="7454265" y="17211675"/>
          <a:ext cx="386080" cy="92075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vert="wordArtVertRtl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12</xdr:col>
      <xdr:colOff>528845</xdr:colOff>
      <xdr:row>72</xdr:row>
      <xdr:rowOff>0</xdr:rowOff>
    </xdr:from>
    <xdr:ext cx="385555" cy="92398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 txBox="1"/>
      </xdr:nvSpPr>
      <xdr:spPr>
        <a:xfrm>
          <a:off x="7454265" y="17211675"/>
          <a:ext cx="386080" cy="92075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vert="wordArtVertRtl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oneCellAnchor>
    <xdr:from>
      <xdr:col>12</xdr:col>
      <xdr:colOff>528845</xdr:colOff>
      <xdr:row>70</xdr:row>
      <xdr:rowOff>0</xdr:rowOff>
    </xdr:from>
    <xdr:ext cx="385555" cy="92398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SpPr txBox="1"/>
      </xdr:nvSpPr>
      <xdr:spPr>
        <a:xfrm>
          <a:off x="8475345" y="16735425"/>
          <a:ext cx="386080" cy="92075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vert="wordArtVertRtl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1.xml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Relationship Id="rId4" Type="http://schemas.openxmlformats.org/officeDocument/2006/relationships/comments" Target="../comments2.xml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</sheetPr>
  <dimension ref="A1:I171"/>
  <sheetViews>
    <sheetView tabSelected="1" topLeftCell="A125" zoomScale="98" zoomScaleNormal="98" zoomScaleSheetLayoutView="80" workbookViewId="0">
      <selection activeCell="H129" sqref="H129"/>
    </sheetView>
  </sheetViews>
  <sheetFormatPr defaultColWidth="9" defaultRowHeight="15" customHeight="1"/>
  <cols>
    <col min="1" max="1" width="4.875" style="1" customWidth="1"/>
    <col min="2" max="2" width="5.25" style="1" customWidth="1"/>
    <col min="3" max="3" width="16.875" style="1" customWidth="1"/>
    <col min="4" max="4" width="6.25" style="1" customWidth="1"/>
    <col min="5" max="5" width="13.5" style="1" customWidth="1"/>
    <col min="6" max="6" width="10.75" style="1" customWidth="1"/>
    <col min="7" max="7" width="7.25" style="2" customWidth="1"/>
    <col min="8" max="9" width="10.75" style="2" customWidth="1"/>
    <col min="10" max="16384" width="9" style="1"/>
  </cols>
  <sheetData>
    <row r="1" spans="1:9" ht="18.75" customHeight="1">
      <c r="A1" s="92" t="s">
        <v>0</v>
      </c>
      <c r="B1" s="92"/>
      <c r="C1" s="92"/>
      <c r="D1" s="92"/>
      <c r="E1" s="92"/>
      <c r="F1" s="92"/>
      <c r="G1" s="92"/>
      <c r="H1" s="92"/>
      <c r="I1" s="92"/>
    </row>
    <row r="2" spans="1:9" ht="18.75" customHeight="1">
      <c r="A2" s="92" t="s">
        <v>1</v>
      </c>
      <c r="B2" s="92"/>
      <c r="C2" s="92"/>
      <c r="D2" s="92"/>
      <c r="E2" s="92"/>
      <c r="F2" s="92"/>
      <c r="G2" s="92"/>
      <c r="H2" s="92"/>
      <c r="I2" s="92"/>
    </row>
    <row r="3" spans="1:9" ht="27" customHeight="1">
      <c r="A3" s="92" t="s">
        <v>2</v>
      </c>
      <c r="B3" s="92"/>
      <c r="C3" s="92"/>
      <c r="D3" s="92"/>
      <c r="E3" s="92"/>
      <c r="F3" s="92"/>
      <c r="G3" s="92"/>
      <c r="H3" s="92"/>
      <c r="I3" s="92"/>
    </row>
    <row r="4" spans="1:9" ht="15" customHeight="1">
      <c r="A4" s="1" t="s">
        <v>3</v>
      </c>
      <c r="C4" s="3"/>
      <c r="D4" s="3"/>
      <c r="E4" s="3"/>
      <c r="F4" s="3"/>
      <c r="G4" s="3"/>
      <c r="H4" s="3"/>
      <c r="I4" s="3"/>
    </row>
    <row r="5" spans="1:9" ht="18.75" customHeight="1">
      <c r="A5" s="4" t="s">
        <v>4</v>
      </c>
      <c r="B5" s="4" t="s">
        <v>5</v>
      </c>
      <c r="C5" s="4" t="s">
        <v>6</v>
      </c>
      <c r="D5" s="4" t="s">
        <v>7</v>
      </c>
      <c r="E5" s="4" t="s">
        <v>8</v>
      </c>
      <c r="F5" s="5" t="s">
        <v>9</v>
      </c>
      <c r="G5" s="4" t="s">
        <v>10</v>
      </c>
      <c r="H5" s="5" t="s">
        <v>11</v>
      </c>
      <c r="I5" s="5" t="s">
        <v>12</v>
      </c>
    </row>
    <row r="6" spans="1:9" ht="18.75" customHeight="1">
      <c r="A6" s="80">
        <v>1</v>
      </c>
      <c r="B6" s="80" t="s">
        <v>13</v>
      </c>
      <c r="C6" s="80" t="s">
        <v>14</v>
      </c>
      <c r="D6" s="80" t="s">
        <v>15</v>
      </c>
      <c r="E6" s="90" t="s">
        <v>16</v>
      </c>
      <c r="F6" s="73">
        <v>0.58680555555555602</v>
      </c>
      <c r="G6" s="62" t="s">
        <v>17</v>
      </c>
      <c r="H6" s="9">
        <v>0.56597222222222199</v>
      </c>
      <c r="I6" s="9">
        <v>0.57291666666666696</v>
      </c>
    </row>
    <row r="7" spans="1:9" ht="18.75" customHeight="1">
      <c r="A7" s="81"/>
      <c r="B7" s="81"/>
      <c r="C7" s="81"/>
      <c r="D7" s="81"/>
      <c r="E7" s="81"/>
      <c r="F7" s="74"/>
      <c r="G7" s="62" t="s">
        <v>18</v>
      </c>
      <c r="H7" s="9">
        <v>0.57291666666666696</v>
      </c>
      <c r="I7" s="9">
        <v>0.57986111111111105</v>
      </c>
    </row>
    <row r="8" spans="1:9" ht="18.75" customHeight="1">
      <c r="A8" s="82"/>
      <c r="B8" s="82"/>
      <c r="C8" s="82"/>
      <c r="D8" s="82"/>
      <c r="E8" s="82"/>
      <c r="F8" s="75"/>
      <c r="G8" s="8">
        <v>5</v>
      </c>
      <c r="H8" s="9">
        <v>0.57986111111111105</v>
      </c>
      <c r="I8" s="9">
        <v>0.58680555555555602</v>
      </c>
    </row>
    <row r="9" spans="1:9" ht="18.75" customHeight="1">
      <c r="A9" s="80">
        <v>2</v>
      </c>
      <c r="B9" s="80" t="s">
        <v>19</v>
      </c>
      <c r="C9" s="80" t="s">
        <v>14</v>
      </c>
      <c r="D9" s="80" t="s">
        <v>15</v>
      </c>
      <c r="E9" s="90" t="s">
        <v>16</v>
      </c>
      <c r="F9" s="73">
        <v>0.60763888888888895</v>
      </c>
      <c r="G9" s="62" t="s">
        <v>17</v>
      </c>
      <c r="H9" s="9">
        <v>0.58680555555555602</v>
      </c>
      <c r="I9" s="9">
        <v>0.59375</v>
      </c>
    </row>
    <row r="10" spans="1:9" ht="18.75" customHeight="1">
      <c r="A10" s="81"/>
      <c r="B10" s="81"/>
      <c r="C10" s="81"/>
      <c r="D10" s="81"/>
      <c r="E10" s="81"/>
      <c r="F10" s="74"/>
      <c r="G10" s="62" t="s">
        <v>18</v>
      </c>
      <c r="H10" s="9">
        <v>0.59375</v>
      </c>
      <c r="I10" s="9">
        <v>0.60069444444444398</v>
      </c>
    </row>
    <row r="11" spans="1:9" ht="18.75" customHeight="1">
      <c r="A11" s="82"/>
      <c r="B11" s="82"/>
      <c r="C11" s="82"/>
      <c r="D11" s="82"/>
      <c r="E11" s="82"/>
      <c r="F11" s="75"/>
      <c r="G11" s="8">
        <v>5</v>
      </c>
      <c r="H11" s="9">
        <v>0.60069444444444398</v>
      </c>
      <c r="I11" s="9">
        <v>0.60763888888888895</v>
      </c>
    </row>
    <row r="12" spans="1:9" ht="18.75" customHeight="1">
      <c r="A12" s="80">
        <v>3</v>
      </c>
      <c r="B12" s="80" t="s">
        <v>13</v>
      </c>
      <c r="C12" s="80" t="s">
        <v>20</v>
      </c>
      <c r="D12" s="80" t="s">
        <v>15</v>
      </c>
      <c r="E12" s="90" t="s">
        <v>21</v>
      </c>
      <c r="F12" s="73">
        <v>0.62847222222222199</v>
      </c>
      <c r="G12" s="8">
        <v>1</v>
      </c>
      <c r="H12" s="9">
        <v>0.60763888888888895</v>
      </c>
      <c r="I12" s="9">
        <v>0.61458333333333304</v>
      </c>
    </row>
    <row r="13" spans="1:9" ht="18.75" customHeight="1">
      <c r="A13" s="82"/>
      <c r="B13" s="82"/>
      <c r="C13" s="82"/>
      <c r="D13" s="82"/>
      <c r="E13" s="82"/>
      <c r="F13" s="75"/>
      <c r="G13" s="8">
        <v>2</v>
      </c>
      <c r="H13" s="9">
        <v>0.61458333333333304</v>
      </c>
      <c r="I13" s="9">
        <v>0.62152777777777801</v>
      </c>
    </row>
    <row r="14" spans="1:9" ht="18.75" customHeight="1">
      <c r="A14" s="80">
        <v>4</v>
      </c>
      <c r="B14" s="80" t="s">
        <v>19</v>
      </c>
      <c r="C14" s="80" t="s">
        <v>20</v>
      </c>
      <c r="D14" s="80" t="s">
        <v>15</v>
      </c>
      <c r="E14" s="90" t="s">
        <v>21</v>
      </c>
      <c r="F14" s="73">
        <v>0.64236111111111105</v>
      </c>
      <c r="G14" s="8">
        <v>1</v>
      </c>
      <c r="H14" s="9">
        <v>0.62152777777777801</v>
      </c>
      <c r="I14" s="9">
        <v>0.62847222222222199</v>
      </c>
    </row>
    <row r="15" spans="1:9" ht="18.75" customHeight="1">
      <c r="A15" s="82"/>
      <c r="B15" s="82"/>
      <c r="C15" s="82"/>
      <c r="D15" s="82"/>
      <c r="E15" s="82"/>
      <c r="F15" s="75"/>
      <c r="G15" s="8">
        <v>2</v>
      </c>
      <c r="H15" s="9">
        <v>0.62847222222222199</v>
      </c>
      <c r="I15" s="9">
        <v>0.63541666666666696</v>
      </c>
    </row>
    <row r="16" spans="1:9" ht="18.75" customHeight="1">
      <c r="A16" s="80">
        <v>5</v>
      </c>
      <c r="B16" s="80" t="s">
        <v>13</v>
      </c>
      <c r="C16" s="80" t="s">
        <v>22</v>
      </c>
      <c r="D16" s="80" t="s">
        <v>15</v>
      </c>
      <c r="E16" s="90" t="s">
        <v>16</v>
      </c>
      <c r="F16" s="73">
        <v>0.65972222222222199</v>
      </c>
      <c r="G16" s="62" t="s">
        <v>17</v>
      </c>
      <c r="H16" s="9">
        <v>0.63888888888888895</v>
      </c>
      <c r="I16" s="9">
        <v>0.64583333333333304</v>
      </c>
    </row>
    <row r="17" spans="1:9" ht="18.75" customHeight="1">
      <c r="A17" s="81"/>
      <c r="B17" s="81"/>
      <c r="C17" s="81"/>
      <c r="D17" s="81"/>
      <c r="E17" s="81"/>
      <c r="F17" s="74"/>
      <c r="G17" s="62" t="s">
        <v>18</v>
      </c>
      <c r="H17" s="9">
        <v>0.64583333333333304</v>
      </c>
      <c r="I17" s="9">
        <v>0.65277777777777801</v>
      </c>
    </row>
    <row r="18" spans="1:9" ht="18.75" customHeight="1">
      <c r="A18" s="82"/>
      <c r="B18" s="82"/>
      <c r="C18" s="82"/>
      <c r="D18" s="82"/>
      <c r="E18" s="82"/>
      <c r="F18" s="75"/>
      <c r="G18" s="8">
        <v>5</v>
      </c>
      <c r="H18" s="9">
        <v>0.65277777777777801</v>
      </c>
      <c r="I18" s="9">
        <v>0.65972222222222199</v>
      </c>
    </row>
    <row r="19" spans="1:9" ht="18.75" customHeight="1">
      <c r="A19" s="83">
        <v>6</v>
      </c>
      <c r="B19" s="83" t="s">
        <v>19</v>
      </c>
      <c r="C19" s="83" t="s">
        <v>22</v>
      </c>
      <c r="D19" s="83" t="s">
        <v>15</v>
      </c>
      <c r="E19" s="91" t="s">
        <v>16</v>
      </c>
      <c r="F19" s="73">
        <v>0.68055555555555602</v>
      </c>
      <c r="G19" s="62" t="s">
        <v>17</v>
      </c>
      <c r="H19" s="9">
        <v>0.65972222222222199</v>
      </c>
      <c r="I19" s="9">
        <v>0.66666666666666696</v>
      </c>
    </row>
    <row r="20" spans="1:9" ht="18.75" customHeight="1">
      <c r="A20" s="83"/>
      <c r="B20" s="83"/>
      <c r="C20" s="83"/>
      <c r="D20" s="83"/>
      <c r="E20" s="83"/>
      <c r="F20" s="74"/>
      <c r="G20" s="62" t="s">
        <v>18</v>
      </c>
      <c r="H20" s="9">
        <v>0.66666666666666696</v>
      </c>
      <c r="I20" s="9">
        <v>0.67361111111111105</v>
      </c>
    </row>
    <row r="21" spans="1:9" ht="18.75" customHeight="1">
      <c r="A21" s="83"/>
      <c r="B21" s="83"/>
      <c r="C21" s="83"/>
      <c r="D21" s="83"/>
      <c r="E21" s="83"/>
      <c r="F21" s="75"/>
      <c r="G21" s="8">
        <v>5</v>
      </c>
      <c r="H21" s="9">
        <v>0.67361111111111105</v>
      </c>
      <c r="I21" s="9">
        <v>0.68055555555555503</v>
      </c>
    </row>
    <row r="22" spans="1:9" ht="18.75" customHeight="1">
      <c r="A22" s="8">
        <v>7</v>
      </c>
      <c r="B22" s="8" t="s">
        <v>19</v>
      </c>
      <c r="C22" s="8" t="s">
        <v>23</v>
      </c>
      <c r="D22" s="8" t="s">
        <v>24</v>
      </c>
      <c r="E22" s="8"/>
      <c r="F22" s="59">
        <v>0.70833333333333304</v>
      </c>
      <c r="G22" s="23">
        <v>1</v>
      </c>
      <c r="H22" s="59">
        <v>0.6875</v>
      </c>
      <c r="I22" s="59">
        <v>0.69444444444444398</v>
      </c>
    </row>
    <row r="23" spans="1:9" ht="18.75" customHeight="1">
      <c r="A23" s="10"/>
      <c r="B23" s="10"/>
      <c r="C23" s="10"/>
      <c r="D23" s="10"/>
      <c r="E23" s="10"/>
      <c r="F23" s="11"/>
      <c r="G23" s="10"/>
      <c r="H23" s="50"/>
      <c r="I23" s="11"/>
    </row>
    <row r="24" spans="1:9" ht="18.75" customHeight="1">
      <c r="A24" s="1" t="s">
        <v>25</v>
      </c>
      <c r="F24" s="2"/>
      <c r="G24" s="1"/>
    </row>
    <row r="25" spans="1:9" ht="18.75" customHeight="1">
      <c r="A25" s="4" t="s">
        <v>4</v>
      </c>
      <c r="B25" s="4" t="s">
        <v>5</v>
      </c>
      <c r="C25" s="4" t="s">
        <v>6</v>
      </c>
      <c r="D25" s="4" t="s">
        <v>7</v>
      </c>
      <c r="E25" s="4" t="s">
        <v>26</v>
      </c>
      <c r="F25" s="5" t="s">
        <v>9</v>
      </c>
      <c r="G25" s="4" t="s">
        <v>10</v>
      </c>
      <c r="H25" s="5" t="s">
        <v>11</v>
      </c>
      <c r="I25" s="5" t="s">
        <v>12</v>
      </c>
    </row>
    <row r="26" spans="1:9" ht="18.75" customHeight="1">
      <c r="A26" s="8">
        <v>1</v>
      </c>
      <c r="B26" s="8" t="s">
        <v>13</v>
      </c>
      <c r="C26" s="8" t="s">
        <v>27</v>
      </c>
      <c r="D26" s="8" t="s">
        <v>24</v>
      </c>
      <c r="E26" s="8" t="s">
        <v>28</v>
      </c>
      <c r="F26" s="9">
        <v>0.58333333333333304</v>
      </c>
      <c r="G26" s="8">
        <v>1</v>
      </c>
      <c r="H26" s="9">
        <v>0.52777777777777801</v>
      </c>
      <c r="I26" s="9">
        <v>0.53472222222222199</v>
      </c>
    </row>
    <row r="27" spans="1:9" ht="18.75" customHeight="1">
      <c r="A27" s="8">
        <v>2</v>
      </c>
      <c r="B27" s="8" t="s">
        <v>19</v>
      </c>
      <c r="C27" s="8" t="s">
        <v>29</v>
      </c>
      <c r="D27" s="8" t="s">
        <v>24</v>
      </c>
      <c r="E27" s="4" t="s">
        <v>30</v>
      </c>
      <c r="F27" s="9">
        <v>0.64583333333333304</v>
      </c>
      <c r="G27" s="8">
        <v>1</v>
      </c>
      <c r="H27" s="9">
        <v>0.61111111111111105</v>
      </c>
      <c r="I27" s="9">
        <v>0.61805555555555602</v>
      </c>
    </row>
    <row r="28" spans="1:9" ht="18.75" customHeight="1">
      <c r="A28" s="10"/>
      <c r="B28" s="10"/>
      <c r="C28" s="10"/>
      <c r="D28" s="10"/>
      <c r="E28" s="12"/>
      <c r="F28" s="11"/>
      <c r="G28" s="10"/>
      <c r="H28" s="11"/>
      <c r="I28" s="11"/>
    </row>
    <row r="29" spans="1:9" ht="18.75" customHeight="1">
      <c r="A29" s="1" t="s">
        <v>31</v>
      </c>
      <c r="B29" s="13"/>
      <c r="C29" s="13"/>
      <c r="D29" s="13"/>
      <c r="E29" s="14"/>
      <c r="F29" s="15"/>
      <c r="G29" s="13"/>
      <c r="H29" s="15"/>
      <c r="I29" s="15"/>
    </row>
    <row r="30" spans="1:9" ht="18.75" customHeight="1">
      <c r="A30" s="8">
        <v>1</v>
      </c>
      <c r="B30" s="8" t="s">
        <v>19</v>
      </c>
      <c r="C30" s="8" t="s">
        <v>32</v>
      </c>
      <c r="D30" s="8" t="s">
        <v>24</v>
      </c>
      <c r="E30" s="4" t="s">
        <v>33</v>
      </c>
      <c r="F30" s="9">
        <v>0.59027777777777801</v>
      </c>
      <c r="G30" s="8">
        <v>1</v>
      </c>
      <c r="H30" s="9">
        <v>0.55555555555555602</v>
      </c>
      <c r="I30" s="9">
        <v>0.5625</v>
      </c>
    </row>
    <row r="31" spans="1:9" ht="18.75" customHeight="1">
      <c r="A31" s="8">
        <v>2</v>
      </c>
      <c r="B31" s="8" t="s">
        <v>13</v>
      </c>
      <c r="C31" s="8" t="s">
        <v>34</v>
      </c>
      <c r="D31" s="8" t="s">
        <v>24</v>
      </c>
      <c r="E31" s="4" t="s">
        <v>35</v>
      </c>
      <c r="F31" s="9">
        <v>0.60763888888888895</v>
      </c>
      <c r="G31" s="8">
        <v>1</v>
      </c>
      <c r="H31" s="9">
        <v>0.57291666666666696</v>
      </c>
      <c r="I31" s="9">
        <v>0.57986111111111105</v>
      </c>
    </row>
    <row r="32" spans="1:9" ht="15" customHeight="1">
      <c r="A32" s="16"/>
      <c r="B32" s="10"/>
      <c r="C32" s="10"/>
      <c r="D32" s="10"/>
      <c r="E32" s="10"/>
      <c r="F32" s="10"/>
      <c r="G32" s="11"/>
      <c r="H32" s="11"/>
      <c r="I32" s="11"/>
    </row>
    <row r="33" spans="1:9" ht="27" customHeight="1">
      <c r="A33" s="92" t="s">
        <v>36</v>
      </c>
      <c r="B33" s="92"/>
      <c r="C33" s="92"/>
      <c r="D33" s="92"/>
      <c r="E33" s="92"/>
      <c r="F33" s="92"/>
      <c r="G33" s="92"/>
      <c r="H33" s="92"/>
      <c r="I33" s="92"/>
    </row>
    <row r="34" spans="1:9" ht="15" customHeight="1">
      <c r="A34" s="1" t="s">
        <v>3</v>
      </c>
      <c r="C34" s="3"/>
      <c r="D34" s="3"/>
      <c r="E34" s="3"/>
      <c r="F34" s="3"/>
      <c r="G34" s="3"/>
      <c r="H34" s="3"/>
      <c r="I34" s="3"/>
    </row>
    <row r="35" spans="1:9" ht="18.75" customHeight="1">
      <c r="A35" s="4" t="s">
        <v>4</v>
      </c>
      <c r="B35" s="4" t="s">
        <v>5</v>
      </c>
      <c r="C35" s="4" t="s">
        <v>6</v>
      </c>
      <c r="D35" s="4" t="s">
        <v>7</v>
      </c>
      <c r="E35" s="4" t="s">
        <v>8</v>
      </c>
      <c r="F35" s="5" t="s">
        <v>9</v>
      </c>
      <c r="G35" s="4" t="s">
        <v>10</v>
      </c>
      <c r="H35" s="5" t="s">
        <v>11</v>
      </c>
      <c r="I35" s="5" t="s">
        <v>12</v>
      </c>
    </row>
    <row r="36" spans="1:9" ht="18.75" customHeight="1">
      <c r="A36" s="80">
        <v>1</v>
      </c>
      <c r="B36" s="80" t="s">
        <v>19</v>
      </c>
      <c r="C36" s="80" t="s">
        <v>37</v>
      </c>
      <c r="D36" s="80" t="s">
        <v>38</v>
      </c>
      <c r="E36" s="80" t="s">
        <v>39</v>
      </c>
      <c r="F36" s="73">
        <v>0.38888888888888901</v>
      </c>
      <c r="G36" s="8" t="s">
        <v>17</v>
      </c>
      <c r="H36" s="9">
        <v>0.36805555555555602</v>
      </c>
      <c r="I36" s="9">
        <v>0.375</v>
      </c>
    </row>
    <row r="37" spans="1:9" ht="18.75" customHeight="1">
      <c r="A37" s="82"/>
      <c r="B37" s="82"/>
      <c r="C37" s="82"/>
      <c r="D37" s="82"/>
      <c r="E37" s="82"/>
      <c r="F37" s="75"/>
      <c r="G37" s="8">
        <v>3</v>
      </c>
      <c r="H37" s="9">
        <v>0.375</v>
      </c>
      <c r="I37" s="9">
        <v>0.38194444444444398</v>
      </c>
    </row>
    <row r="38" spans="1:9" ht="18.75" customHeight="1">
      <c r="A38" s="6">
        <v>2</v>
      </c>
      <c r="B38" s="6" t="s">
        <v>13</v>
      </c>
      <c r="C38" s="6" t="s">
        <v>14</v>
      </c>
      <c r="D38" s="6" t="s">
        <v>40</v>
      </c>
      <c r="E38" s="6" t="s">
        <v>41</v>
      </c>
      <c r="F38" s="7">
        <v>0.40277777777777801</v>
      </c>
      <c r="G38" s="8" t="s">
        <v>17</v>
      </c>
      <c r="H38" s="9">
        <v>0.38194444444444398</v>
      </c>
      <c r="I38" s="9">
        <v>0.38888888888888901</v>
      </c>
    </row>
    <row r="39" spans="1:9" ht="18.75" customHeight="1">
      <c r="A39" s="6">
        <v>3</v>
      </c>
      <c r="B39" s="6" t="s">
        <v>19</v>
      </c>
      <c r="C39" s="6" t="s">
        <v>14</v>
      </c>
      <c r="D39" s="6" t="s">
        <v>40</v>
      </c>
      <c r="E39" s="6" t="s">
        <v>41</v>
      </c>
      <c r="F39" s="7">
        <v>0.41319444444444398</v>
      </c>
      <c r="G39" s="8" t="s">
        <v>17</v>
      </c>
      <c r="H39" s="9">
        <v>0.39236111111111099</v>
      </c>
      <c r="I39" s="9">
        <v>0.39930555555555602</v>
      </c>
    </row>
    <row r="40" spans="1:9" ht="18.75" customHeight="1">
      <c r="A40" s="80">
        <v>4</v>
      </c>
      <c r="B40" s="80" t="s">
        <v>13</v>
      </c>
      <c r="C40" s="80" t="s">
        <v>42</v>
      </c>
      <c r="D40" s="80" t="s">
        <v>15</v>
      </c>
      <c r="E40" s="80" t="s">
        <v>16</v>
      </c>
      <c r="F40" s="73">
        <v>0.42708333333333298</v>
      </c>
      <c r="G40" s="62" t="s">
        <v>17</v>
      </c>
      <c r="H40" s="9">
        <v>0.40625</v>
      </c>
      <c r="I40" s="9">
        <v>0.41319444444444398</v>
      </c>
    </row>
    <row r="41" spans="1:9" ht="18.75" customHeight="1">
      <c r="A41" s="81"/>
      <c r="B41" s="81"/>
      <c r="C41" s="81"/>
      <c r="D41" s="81"/>
      <c r="E41" s="81"/>
      <c r="F41" s="74"/>
      <c r="G41" s="62" t="s">
        <v>18</v>
      </c>
      <c r="H41" s="9">
        <v>0.41319444444444398</v>
      </c>
      <c r="I41" s="9">
        <v>0.42013888888888901</v>
      </c>
    </row>
    <row r="42" spans="1:9" ht="18.75" customHeight="1">
      <c r="A42" s="82"/>
      <c r="B42" s="82"/>
      <c r="C42" s="82"/>
      <c r="D42" s="82"/>
      <c r="E42" s="82"/>
      <c r="F42" s="75"/>
      <c r="G42" s="8">
        <v>5</v>
      </c>
      <c r="H42" s="9">
        <v>0.42013888888888901</v>
      </c>
      <c r="I42" s="9">
        <v>0.42708333333333298</v>
      </c>
    </row>
    <row r="43" spans="1:9" ht="18.75" customHeight="1">
      <c r="A43" s="80">
        <v>5</v>
      </c>
      <c r="B43" s="80" t="s">
        <v>19</v>
      </c>
      <c r="C43" s="80" t="s">
        <v>43</v>
      </c>
      <c r="D43" s="80" t="s">
        <v>15</v>
      </c>
      <c r="E43" s="80" t="s">
        <v>16</v>
      </c>
      <c r="F43" s="87">
        <v>0.44791666666666702</v>
      </c>
      <c r="G43" s="70" t="s">
        <v>17</v>
      </c>
      <c r="H43" s="71">
        <v>0.42708333333333298</v>
      </c>
      <c r="I43" s="71">
        <v>0.43402777777777801</v>
      </c>
    </row>
    <row r="44" spans="1:9" ht="18.75" customHeight="1">
      <c r="A44" s="81"/>
      <c r="B44" s="81"/>
      <c r="C44" s="81"/>
      <c r="D44" s="81"/>
      <c r="E44" s="81"/>
      <c r="F44" s="88"/>
      <c r="G44" s="70" t="s">
        <v>18</v>
      </c>
      <c r="H44" s="71">
        <v>0.43402777777777801</v>
      </c>
      <c r="I44" s="71">
        <v>0.44097222222222199</v>
      </c>
    </row>
    <row r="45" spans="1:9" ht="18.75" customHeight="1">
      <c r="A45" s="82"/>
      <c r="B45" s="82"/>
      <c r="C45" s="82"/>
      <c r="D45" s="82"/>
      <c r="E45" s="82"/>
      <c r="F45" s="89"/>
      <c r="G45" s="72">
        <v>5</v>
      </c>
      <c r="H45" s="71">
        <v>0.44097222222222199</v>
      </c>
      <c r="I45" s="71">
        <v>0.44791666666666702</v>
      </c>
    </row>
    <row r="46" spans="1:9" ht="18.75" customHeight="1">
      <c r="A46" s="6">
        <v>6</v>
      </c>
      <c r="B46" s="6" t="s">
        <v>13</v>
      </c>
      <c r="C46" s="6" t="s">
        <v>22</v>
      </c>
      <c r="D46" s="6" t="s">
        <v>40</v>
      </c>
      <c r="E46" s="6" t="s">
        <v>41</v>
      </c>
      <c r="F46" s="69">
        <v>0.46875</v>
      </c>
      <c r="G46" s="70" t="s">
        <v>17</v>
      </c>
      <c r="H46" s="71">
        <v>0.44791666666666702</v>
      </c>
      <c r="I46" s="71">
        <v>0.45486111111111099</v>
      </c>
    </row>
    <row r="47" spans="1:9" ht="18.75" customHeight="1">
      <c r="A47" s="6">
        <v>7</v>
      </c>
      <c r="B47" s="6" t="s">
        <v>19</v>
      </c>
      <c r="C47" s="6" t="s">
        <v>22</v>
      </c>
      <c r="D47" s="6" t="s">
        <v>40</v>
      </c>
      <c r="E47" s="6" t="s">
        <v>41</v>
      </c>
      <c r="F47" s="69">
        <v>0.47569444444444398</v>
      </c>
      <c r="G47" s="70" t="s">
        <v>17</v>
      </c>
      <c r="H47" s="71">
        <v>0.45486111111111099</v>
      </c>
      <c r="I47" s="71">
        <v>0.46180555555555602</v>
      </c>
    </row>
    <row r="48" spans="1:9" ht="18.75" customHeight="1">
      <c r="A48" s="6">
        <v>8</v>
      </c>
      <c r="B48" s="6" t="s">
        <v>13</v>
      </c>
      <c r="C48" s="6" t="s">
        <v>42</v>
      </c>
      <c r="D48" s="6" t="s">
        <v>40</v>
      </c>
      <c r="E48" s="6" t="s">
        <v>41</v>
      </c>
      <c r="F48" s="69">
        <v>0.49652777777777801</v>
      </c>
      <c r="G48" s="70" t="s">
        <v>17</v>
      </c>
      <c r="H48" s="71">
        <v>0.47569444444444398</v>
      </c>
      <c r="I48" s="71">
        <v>0.44097222222222199</v>
      </c>
    </row>
    <row r="49" spans="1:9" ht="18.75" customHeight="1">
      <c r="A49" s="6">
        <v>9</v>
      </c>
      <c r="B49" s="6" t="s">
        <v>19</v>
      </c>
      <c r="C49" s="6" t="s">
        <v>43</v>
      </c>
      <c r="D49" s="6" t="s">
        <v>40</v>
      </c>
      <c r="E49" s="6" t="s">
        <v>41</v>
      </c>
      <c r="F49" s="69">
        <v>0.51041666666666696</v>
      </c>
      <c r="G49" s="70" t="s">
        <v>17</v>
      </c>
      <c r="H49" s="71">
        <v>0.48958333333333298</v>
      </c>
      <c r="I49" s="71">
        <v>0.49652777777777801</v>
      </c>
    </row>
    <row r="50" spans="1:9" ht="18.75" customHeight="1">
      <c r="A50" s="8">
        <v>10</v>
      </c>
      <c r="B50" s="8" t="s">
        <v>13</v>
      </c>
      <c r="C50" s="8" t="s">
        <v>20</v>
      </c>
      <c r="D50" s="8" t="s">
        <v>24</v>
      </c>
      <c r="E50" s="8"/>
      <c r="F50" s="9">
        <v>0.52430555555555602</v>
      </c>
      <c r="G50" s="8">
        <v>1</v>
      </c>
      <c r="H50" s="9">
        <v>0.50347222222222199</v>
      </c>
      <c r="I50" s="9">
        <v>0.51041666666666696</v>
      </c>
    </row>
    <row r="51" spans="1:9" ht="18.75" customHeight="1">
      <c r="A51" s="8">
        <v>11</v>
      </c>
      <c r="B51" s="8" t="s">
        <v>19</v>
      </c>
      <c r="C51" s="8" t="s">
        <v>20</v>
      </c>
      <c r="D51" s="8" t="s">
        <v>24</v>
      </c>
      <c r="E51" s="8"/>
      <c r="F51" s="9">
        <v>0.53125</v>
      </c>
      <c r="G51" s="8">
        <v>1</v>
      </c>
      <c r="H51" s="9">
        <v>0.51041666666666696</v>
      </c>
      <c r="I51" s="9">
        <v>0.51736111111111105</v>
      </c>
    </row>
    <row r="52" spans="1:9" ht="18.75" customHeight="1">
      <c r="A52" s="8">
        <v>12</v>
      </c>
      <c r="B52" s="8" t="s">
        <v>13</v>
      </c>
      <c r="C52" s="8" t="s">
        <v>22</v>
      </c>
      <c r="D52" s="8" t="s">
        <v>24</v>
      </c>
      <c r="E52" s="8"/>
      <c r="F52" s="9">
        <v>0.54166666666666696</v>
      </c>
      <c r="G52" s="8">
        <v>1</v>
      </c>
      <c r="H52" s="9">
        <v>0.52083333333333304</v>
      </c>
      <c r="I52" s="9">
        <v>0.52777777777777801</v>
      </c>
    </row>
    <row r="53" spans="1:9" ht="18.75" customHeight="1">
      <c r="A53" s="8">
        <v>13</v>
      </c>
      <c r="B53" s="8" t="s">
        <v>19</v>
      </c>
      <c r="C53" s="8" t="s">
        <v>22</v>
      </c>
      <c r="D53" s="8" t="s">
        <v>24</v>
      </c>
      <c r="E53" s="8"/>
      <c r="F53" s="9">
        <v>0.54861111111111105</v>
      </c>
      <c r="G53" s="8">
        <v>1</v>
      </c>
      <c r="H53" s="9">
        <v>0.52777777777777801</v>
      </c>
      <c r="I53" s="9">
        <v>0.53472222222222199</v>
      </c>
    </row>
    <row r="54" spans="1:9" ht="18.75" customHeight="1">
      <c r="A54" s="8">
        <v>14</v>
      </c>
      <c r="B54" s="8" t="s">
        <v>13</v>
      </c>
      <c r="C54" s="8" t="s">
        <v>42</v>
      </c>
      <c r="D54" s="8" t="s">
        <v>24</v>
      </c>
      <c r="E54" s="8"/>
      <c r="F54" s="9">
        <v>0.56944444444444398</v>
      </c>
      <c r="G54" s="8">
        <v>1</v>
      </c>
      <c r="H54" s="9">
        <v>0.54861111111111105</v>
      </c>
      <c r="I54" s="9">
        <v>0.55555555555555602</v>
      </c>
    </row>
    <row r="55" spans="1:9" ht="18.75" customHeight="1">
      <c r="A55" s="8">
        <v>15</v>
      </c>
      <c r="B55" s="8" t="s">
        <v>19</v>
      </c>
      <c r="C55" s="8" t="s">
        <v>43</v>
      </c>
      <c r="D55" s="8" t="s">
        <v>24</v>
      </c>
      <c r="E55" s="8"/>
      <c r="F55" s="9">
        <v>0.57638888888888895</v>
      </c>
      <c r="G55" s="8">
        <v>1</v>
      </c>
      <c r="H55" s="9">
        <v>0.55555555555555602</v>
      </c>
      <c r="I55" s="9">
        <v>0.5625</v>
      </c>
    </row>
    <row r="56" spans="1:9" ht="18.75" customHeight="1">
      <c r="A56" s="80">
        <v>16</v>
      </c>
      <c r="B56" s="80" t="s">
        <v>13</v>
      </c>
      <c r="C56" s="80" t="s">
        <v>44</v>
      </c>
      <c r="D56" s="80" t="s">
        <v>15</v>
      </c>
      <c r="E56" s="80" t="s">
        <v>16</v>
      </c>
      <c r="F56" s="73">
        <v>0.61805555555555503</v>
      </c>
      <c r="G56" s="62" t="s">
        <v>17</v>
      </c>
      <c r="H56" s="9">
        <v>0.59722222222222199</v>
      </c>
      <c r="I56" s="9">
        <v>0.60416666666666696</v>
      </c>
    </row>
    <row r="57" spans="1:9" ht="18.75" customHeight="1">
      <c r="A57" s="81"/>
      <c r="B57" s="81"/>
      <c r="C57" s="81"/>
      <c r="D57" s="81"/>
      <c r="E57" s="81"/>
      <c r="F57" s="74"/>
      <c r="G57" s="62" t="s">
        <v>18</v>
      </c>
      <c r="H57" s="9">
        <v>0.60416666666666696</v>
      </c>
      <c r="I57" s="9">
        <v>0.61111111111111105</v>
      </c>
    </row>
    <row r="58" spans="1:9" ht="18.75" customHeight="1">
      <c r="A58" s="82"/>
      <c r="B58" s="82"/>
      <c r="C58" s="82"/>
      <c r="D58" s="82"/>
      <c r="E58" s="82"/>
      <c r="F58" s="75"/>
      <c r="G58" s="8">
        <v>5</v>
      </c>
      <c r="H58" s="9">
        <v>0.61111111111111105</v>
      </c>
      <c r="I58" s="9">
        <v>0.61805555555555602</v>
      </c>
    </row>
    <row r="59" spans="1:9" ht="18.75" customHeight="1">
      <c r="A59" s="80">
        <v>17</v>
      </c>
      <c r="B59" s="80" t="s">
        <v>19</v>
      </c>
      <c r="C59" s="80" t="s">
        <v>44</v>
      </c>
      <c r="D59" s="80" t="s">
        <v>15</v>
      </c>
      <c r="E59" s="80" t="s">
        <v>16</v>
      </c>
      <c r="F59" s="73">
        <v>0.63888888888888895</v>
      </c>
      <c r="G59" s="62" t="s">
        <v>17</v>
      </c>
      <c r="H59" s="9">
        <v>0.61805555555555602</v>
      </c>
      <c r="I59" s="9">
        <v>0.625</v>
      </c>
    </row>
    <row r="60" spans="1:9" ht="18.75" customHeight="1">
      <c r="A60" s="81"/>
      <c r="B60" s="81"/>
      <c r="C60" s="81"/>
      <c r="D60" s="81"/>
      <c r="E60" s="81"/>
      <c r="F60" s="74"/>
      <c r="G60" s="62" t="s">
        <v>18</v>
      </c>
      <c r="H60" s="9">
        <v>0.625</v>
      </c>
      <c r="I60" s="9">
        <v>0.63194444444444398</v>
      </c>
    </row>
    <row r="61" spans="1:9" ht="18.75" customHeight="1">
      <c r="A61" s="82"/>
      <c r="B61" s="82"/>
      <c r="C61" s="82"/>
      <c r="D61" s="82"/>
      <c r="E61" s="82"/>
      <c r="F61" s="75"/>
      <c r="G61" s="8">
        <v>5</v>
      </c>
      <c r="H61" s="9">
        <v>0.63194444444444398</v>
      </c>
      <c r="I61" s="9">
        <v>0.63888888888888895</v>
      </c>
    </row>
    <row r="62" spans="1:9" ht="18.75" customHeight="1">
      <c r="A62" s="80">
        <v>18</v>
      </c>
      <c r="B62" s="80" t="s">
        <v>19</v>
      </c>
      <c r="C62" s="80" t="s">
        <v>45</v>
      </c>
      <c r="D62" s="80" t="s">
        <v>38</v>
      </c>
      <c r="E62" s="80" t="s">
        <v>39</v>
      </c>
      <c r="F62" s="73">
        <v>0.66666666666666696</v>
      </c>
      <c r="G62" s="8" t="s">
        <v>17</v>
      </c>
      <c r="H62" s="19" t="s">
        <v>46</v>
      </c>
      <c r="I62" s="9">
        <v>0.65277777777777801</v>
      </c>
    </row>
    <row r="63" spans="1:9" ht="18.75" customHeight="1">
      <c r="A63" s="82"/>
      <c r="B63" s="82"/>
      <c r="C63" s="82"/>
      <c r="D63" s="82"/>
      <c r="E63" s="82"/>
      <c r="F63" s="75"/>
      <c r="G63" s="8">
        <v>3</v>
      </c>
      <c r="H63" s="19" t="s">
        <v>46</v>
      </c>
      <c r="I63" s="9">
        <v>0.65972222222222199</v>
      </c>
    </row>
    <row r="64" spans="1:9" ht="18.75" customHeight="1">
      <c r="A64" s="8">
        <v>19</v>
      </c>
      <c r="B64" s="8" t="s">
        <v>13</v>
      </c>
      <c r="C64" s="8" t="s">
        <v>14</v>
      </c>
      <c r="D64" s="8" t="s">
        <v>24</v>
      </c>
      <c r="E64" s="8"/>
      <c r="F64" s="9">
        <v>0.68055555555555503</v>
      </c>
      <c r="G64" s="8">
        <v>1</v>
      </c>
      <c r="H64" s="9">
        <v>0.65972222222222199</v>
      </c>
      <c r="I64" s="9">
        <v>0.66666666666666696</v>
      </c>
    </row>
    <row r="65" spans="1:9" ht="18.75" customHeight="1">
      <c r="A65" s="8">
        <v>20</v>
      </c>
      <c r="B65" s="8" t="s">
        <v>19</v>
      </c>
      <c r="C65" s="8" t="s">
        <v>14</v>
      </c>
      <c r="D65" s="8" t="s">
        <v>24</v>
      </c>
      <c r="E65" s="8"/>
      <c r="F65" s="9">
        <v>0.6875</v>
      </c>
      <c r="G65" s="8">
        <v>1</v>
      </c>
      <c r="H65" s="9">
        <v>0.66666666666666696</v>
      </c>
      <c r="I65" s="9">
        <v>0.67361111111111105</v>
      </c>
    </row>
    <row r="66" spans="1:9" ht="18.75" customHeight="1">
      <c r="A66" s="23">
        <v>21</v>
      </c>
      <c r="B66" s="23" t="s">
        <v>13</v>
      </c>
      <c r="C66" s="23" t="s">
        <v>23</v>
      </c>
      <c r="D66" s="23" t="s">
        <v>24</v>
      </c>
      <c r="E66" s="23"/>
      <c r="F66" s="59">
        <v>0.70138888888888895</v>
      </c>
      <c r="G66" s="23">
        <v>1</v>
      </c>
      <c r="H66" s="59">
        <v>0.68055555555555602</v>
      </c>
      <c r="I66" s="59">
        <v>0.6875</v>
      </c>
    </row>
    <row r="67" spans="1:9" ht="18.75" customHeight="1">
      <c r="G67" s="11"/>
    </row>
    <row r="68" spans="1:9" ht="18.75" customHeight="1">
      <c r="G68" s="11"/>
    </row>
    <row r="69" spans="1:9" ht="18.75" customHeight="1">
      <c r="A69" s="1" t="s">
        <v>25</v>
      </c>
      <c r="D69" s="10"/>
    </row>
    <row r="70" spans="1:9" ht="18.75" customHeight="1">
      <c r="A70" s="4" t="s">
        <v>4</v>
      </c>
      <c r="B70" s="4" t="s">
        <v>5</v>
      </c>
      <c r="C70" s="4" t="s">
        <v>6</v>
      </c>
      <c r="D70" s="4" t="s">
        <v>7</v>
      </c>
      <c r="E70" s="4" t="s">
        <v>26</v>
      </c>
      <c r="F70" s="5" t="s">
        <v>9</v>
      </c>
      <c r="G70" s="4" t="s">
        <v>10</v>
      </c>
      <c r="H70" s="5" t="s">
        <v>11</v>
      </c>
      <c r="I70" s="5" t="s">
        <v>12</v>
      </c>
    </row>
    <row r="71" spans="1:9" ht="18.75" customHeight="1">
      <c r="A71" s="8">
        <v>1</v>
      </c>
      <c r="B71" s="8" t="s">
        <v>13</v>
      </c>
      <c r="C71" s="8" t="s">
        <v>47</v>
      </c>
      <c r="D71" s="8" t="s">
        <v>24</v>
      </c>
      <c r="E71" s="4" t="s">
        <v>35</v>
      </c>
      <c r="F71" s="9">
        <v>0.39236111111111099</v>
      </c>
      <c r="G71" s="8">
        <v>1</v>
      </c>
      <c r="H71" s="9">
        <v>0.35763888888888901</v>
      </c>
      <c r="I71" s="9">
        <v>0.36458333333333298</v>
      </c>
    </row>
    <row r="72" spans="1:9" ht="18.75" customHeight="1">
      <c r="A72" s="8">
        <v>2</v>
      </c>
      <c r="B72" s="8" t="s">
        <v>19</v>
      </c>
      <c r="C72" s="8" t="s">
        <v>48</v>
      </c>
      <c r="D72" s="8" t="s">
        <v>38</v>
      </c>
      <c r="E72" s="4" t="s">
        <v>49</v>
      </c>
      <c r="F72" s="9">
        <v>0.46527777777777801</v>
      </c>
      <c r="G72" s="8">
        <v>1</v>
      </c>
      <c r="H72" s="19" t="s">
        <v>46</v>
      </c>
      <c r="I72" s="9">
        <v>0.4375</v>
      </c>
    </row>
    <row r="73" spans="1:9" ht="18.75" customHeight="1">
      <c r="A73" s="8">
        <v>3</v>
      </c>
      <c r="B73" s="8" t="s">
        <v>19</v>
      </c>
      <c r="C73" s="8" t="s">
        <v>47</v>
      </c>
      <c r="D73" s="8" t="s">
        <v>24</v>
      </c>
      <c r="E73" s="4" t="s">
        <v>35</v>
      </c>
      <c r="F73" s="9">
        <v>0.55555555555555602</v>
      </c>
      <c r="G73" s="8">
        <v>1</v>
      </c>
      <c r="H73" s="9">
        <v>0.52083333333333304</v>
      </c>
      <c r="I73" s="9">
        <v>0.52777777777777801</v>
      </c>
    </row>
    <row r="74" spans="1:9" ht="18.75" customHeight="1">
      <c r="A74" s="23">
        <v>4</v>
      </c>
      <c r="B74" s="23" t="s">
        <v>13</v>
      </c>
      <c r="C74" s="23" t="s">
        <v>29</v>
      </c>
      <c r="D74" s="23" t="s">
        <v>24</v>
      </c>
      <c r="E74" s="60" t="s">
        <v>30</v>
      </c>
      <c r="F74" s="59">
        <v>0.5625</v>
      </c>
      <c r="G74" s="23">
        <v>1</v>
      </c>
      <c r="H74" s="59">
        <v>0.52777777777777801</v>
      </c>
      <c r="I74" s="59">
        <v>0.53472222222222199</v>
      </c>
    </row>
    <row r="75" spans="1:9" ht="18.75" customHeight="1">
      <c r="A75" s="20"/>
      <c r="B75" s="20"/>
      <c r="C75" s="20"/>
      <c r="D75" s="20"/>
      <c r="E75" s="21"/>
      <c r="F75" s="22"/>
      <c r="G75" s="20"/>
      <c r="H75" s="22"/>
      <c r="I75" s="22"/>
    </row>
    <row r="76" spans="1:9" ht="18.75" customHeight="1">
      <c r="A76" s="1" t="s">
        <v>31</v>
      </c>
      <c r="B76" s="13"/>
      <c r="C76" s="13"/>
      <c r="D76" s="13"/>
      <c r="E76" s="14"/>
      <c r="F76" s="15"/>
      <c r="G76" s="13"/>
      <c r="H76" s="15"/>
      <c r="I76" s="15"/>
    </row>
    <row r="77" spans="1:9" ht="18.75" customHeight="1">
      <c r="A77" s="8">
        <v>1</v>
      </c>
      <c r="B77" s="8" t="s">
        <v>13</v>
      </c>
      <c r="C77" s="8" t="s">
        <v>32</v>
      </c>
      <c r="D77" s="8" t="s">
        <v>24</v>
      </c>
      <c r="E77" s="4" t="s">
        <v>33</v>
      </c>
      <c r="F77" s="9">
        <v>0.39583333333333298</v>
      </c>
      <c r="G77" s="8">
        <v>1</v>
      </c>
      <c r="H77" s="9">
        <v>0.36111111111111099</v>
      </c>
      <c r="I77" s="9">
        <v>0.36805555555555602</v>
      </c>
    </row>
    <row r="78" spans="1:9" ht="18.75" customHeight="1">
      <c r="A78" s="8">
        <v>2</v>
      </c>
      <c r="B78" s="8" t="s">
        <v>19</v>
      </c>
      <c r="C78" s="8" t="s">
        <v>50</v>
      </c>
      <c r="D78" s="8" t="s">
        <v>24</v>
      </c>
      <c r="E78" s="4" t="s">
        <v>33</v>
      </c>
      <c r="F78" s="9">
        <v>0.50694444444444398</v>
      </c>
      <c r="G78" s="8">
        <v>1</v>
      </c>
      <c r="H78" s="9">
        <v>0.47222222222222199</v>
      </c>
      <c r="I78" s="9">
        <v>0.47916666666666702</v>
      </c>
    </row>
    <row r="79" spans="1:9" ht="18.75" customHeight="1">
      <c r="A79" s="8">
        <v>3</v>
      </c>
      <c r="B79" s="8" t="s">
        <v>19</v>
      </c>
      <c r="C79" s="8" t="s">
        <v>51</v>
      </c>
      <c r="D79" s="8" t="s">
        <v>38</v>
      </c>
      <c r="E79" s="4" t="s">
        <v>35</v>
      </c>
      <c r="F79" s="9">
        <v>0.58333333333333304</v>
      </c>
      <c r="G79" s="8">
        <v>1</v>
      </c>
      <c r="H79" s="19" t="s">
        <v>46</v>
      </c>
      <c r="I79" s="9">
        <v>0.55555555555555602</v>
      </c>
    </row>
    <row r="81" spans="1:9" ht="27" customHeight="1">
      <c r="A81" s="92" t="s">
        <v>52</v>
      </c>
      <c r="B81" s="92"/>
      <c r="C81" s="92"/>
      <c r="D81" s="92"/>
      <c r="E81" s="92"/>
      <c r="F81" s="92"/>
      <c r="G81" s="92"/>
      <c r="H81" s="92"/>
      <c r="I81" s="92"/>
    </row>
    <row r="82" spans="1:9" ht="16.5" customHeight="1">
      <c r="A82" s="1" t="s">
        <v>3</v>
      </c>
      <c r="C82" s="3"/>
      <c r="D82" s="3"/>
      <c r="E82" s="3"/>
      <c r="F82" s="3"/>
      <c r="G82" s="3"/>
      <c r="H82" s="3"/>
      <c r="I82" s="3"/>
    </row>
    <row r="83" spans="1:9" ht="16.5" customHeight="1">
      <c r="A83" s="4" t="s">
        <v>4</v>
      </c>
      <c r="B83" s="4" t="s">
        <v>5</v>
      </c>
      <c r="C83" s="4" t="s">
        <v>6</v>
      </c>
      <c r="D83" s="4" t="s">
        <v>7</v>
      </c>
      <c r="E83" s="4" t="s">
        <v>8</v>
      </c>
      <c r="F83" s="5" t="s">
        <v>9</v>
      </c>
      <c r="G83" s="4" t="s">
        <v>10</v>
      </c>
      <c r="H83" s="5" t="s">
        <v>11</v>
      </c>
      <c r="I83" s="5" t="s">
        <v>12</v>
      </c>
    </row>
    <row r="84" spans="1:9" ht="16.5" customHeight="1">
      <c r="A84" s="80">
        <v>1</v>
      </c>
      <c r="B84" s="80" t="s">
        <v>13</v>
      </c>
      <c r="C84" s="80" t="s">
        <v>53</v>
      </c>
      <c r="D84" s="80" t="s">
        <v>54</v>
      </c>
      <c r="E84" s="80" t="s">
        <v>39</v>
      </c>
      <c r="F84" s="73">
        <v>0.38888888888888901</v>
      </c>
      <c r="G84" s="8" t="s">
        <v>17</v>
      </c>
      <c r="H84" s="9">
        <v>0.36805555555555602</v>
      </c>
      <c r="I84" s="9">
        <v>0.375</v>
      </c>
    </row>
    <row r="85" spans="1:9" ht="16.5" customHeight="1">
      <c r="A85" s="82"/>
      <c r="B85" s="82"/>
      <c r="C85" s="82"/>
      <c r="D85" s="82"/>
      <c r="E85" s="82"/>
      <c r="F85" s="75"/>
      <c r="G85" s="8">
        <v>3</v>
      </c>
      <c r="H85" s="9">
        <v>0.375</v>
      </c>
      <c r="I85" s="9">
        <v>0.38194444444444398</v>
      </c>
    </row>
    <row r="86" spans="1:9" ht="16.5" customHeight="1">
      <c r="A86" s="80">
        <v>2</v>
      </c>
      <c r="B86" s="80" t="s">
        <v>19</v>
      </c>
      <c r="C86" s="80" t="s">
        <v>55</v>
      </c>
      <c r="D86" s="80" t="s">
        <v>38</v>
      </c>
      <c r="E86" s="80" t="s">
        <v>39</v>
      </c>
      <c r="F86" s="73">
        <v>0.40277777777777801</v>
      </c>
      <c r="G86" s="8" t="s">
        <v>17</v>
      </c>
      <c r="H86" s="9">
        <v>0.38194444444444398</v>
      </c>
      <c r="I86" s="9">
        <v>0.38888888888888901</v>
      </c>
    </row>
    <row r="87" spans="1:9" ht="16.5" customHeight="1">
      <c r="A87" s="82"/>
      <c r="B87" s="82"/>
      <c r="C87" s="82"/>
      <c r="D87" s="82"/>
      <c r="E87" s="82"/>
      <c r="F87" s="75"/>
      <c r="G87" s="8">
        <v>3</v>
      </c>
      <c r="H87" s="9">
        <v>0.38888888888888901</v>
      </c>
      <c r="I87" s="9">
        <v>0.39583333333333298</v>
      </c>
    </row>
    <row r="88" spans="1:9" ht="16.5" customHeight="1">
      <c r="A88" s="80">
        <v>3</v>
      </c>
      <c r="B88" s="80" t="s">
        <v>13</v>
      </c>
      <c r="C88" s="80" t="s">
        <v>56</v>
      </c>
      <c r="D88" s="80" t="s">
        <v>15</v>
      </c>
      <c r="E88" s="80" t="s">
        <v>16</v>
      </c>
      <c r="F88" s="73">
        <v>0.42013888888888901</v>
      </c>
      <c r="G88" s="62" t="s">
        <v>17</v>
      </c>
      <c r="H88" s="9">
        <v>0.39930555555555602</v>
      </c>
      <c r="I88" s="9">
        <v>0.40625</v>
      </c>
    </row>
    <row r="89" spans="1:9" ht="16.5" customHeight="1">
      <c r="A89" s="81"/>
      <c r="B89" s="81"/>
      <c r="C89" s="81"/>
      <c r="D89" s="81"/>
      <c r="E89" s="81"/>
      <c r="F89" s="74"/>
      <c r="G89" s="62" t="s">
        <v>18</v>
      </c>
      <c r="H89" s="9">
        <v>0.40625</v>
      </c>
      <c r="I89" s="9">
        <v>0.41319444444444398</v>
      </c>
    </row>
    <row r="90" spans="1:9" ht="16.5" customHeight="1">
      <c r="A90" s="82"/>
      <c r="B90" s="82"/>
      <c r="C90" s="82"/>
      <c r="D90" s="82"/>
      <c r="E90" s="82"/>
      <c r="F90" s="75"/>
      <c r="G90" s="8">
        <v>5</v>
      </c>
      <c r="H90" s="9">
        <v>0.41319444444444398</v>
      </c>
      <c r="I90" s="9">
        <v>0.42013888888888901</v>
      </c>
    </row>
    <row r="91" spans="1:9" ht="16.5" customHeight="1">
      <c r="A91" s="80">
        <v>4</v>
      </c>
      <c r="B91" s="80" t="s">
        <v>19</v>
      </c>
      <c r="C91" s="80" t="s">
        <v>56</v>
      </c>
      <c r="D91" s="80" t="s">
        <v>15</v>
      </c>
      <c r="E91" s="80" t="s">
        <v>16</v>
      </c>
      <c r="F91" s="73">
        <v>0.4375</v>
      </c>
      <c r="G91" s="62" t="s">
        <v>17</v>
      </c>
      <c r="H91" s="9">
        <v>0.41666666666666702</v>
      </c>
      <c r="I91" s="9">
        <v>0.42361111111111099</v>
      </c>
    </row>
    <row r="92" spans="1:9" ht="16.5" customHeight="1">
      <c r="A92" s="81"/>
      <c r="B92" s="81"/>
      <c r="C92" s="81"/>
      <c r="D92" s="81"/>
      <c r="E92" s="81"/>
      <c r="F92" s="74"/>
      <c r="G92" s="62" t="s">
        <v>18</v>
      </c>
      <c r="H92" s="9">
        <v>0.42361111111111099</v>
      </c>
      <c r="I92" s="9">
        <v>0.43055555555555602</v>
      </c>
    </row>
    <row r="93" spans="1:9" ht="16.5" customHeight="1">
      <c r="A93" s="82"/>
      <c r="B93" s="82"/>
      <c r="C93" s="82"/>
      <c r="D93" s="82"/>
      <c r="E93" s="82"/>
      <c r="F93" s="75"/>
      <c r="G93" s="8">
        <v>5</v>
      </c>
      <c r="H93" s="9">
        <v>0.43055555555555602</v>
      </c>
      <c r="I93" s="9">
        <v>0.4375</v>
      </c>
    </row>
    <row r="94" spans="1:9" ht="16.5" customHeight="1">
      <c r="A94" s="80">
        <v>5</v>
      </c>
      <c r="B94" s="80" t="s">
        <v>13</v>
      </c>
      <c r="C94" s="80" t="s">
        <v>57</v>
      </c>
      <c r="D94" s="80" t="s">
        <v>15</v>
      </c>
      <c r="E94" s="80" t="s">
        <v>16</v>
      </c>
      <c r="F94" s="73">
        <v>0.45833333333333298</v>
      </c>
      <c r="G94" s="62" t="s">
        <v>17</v>
      </c>
      <c r="H94" s="9">
        <v>0.4375</v>
      </c>
      <c r="I94" s="9">
        <v>0.44444444444444398</v>
      </c>
    </row>
    <row r="95" spans="1:9" ht="16.5" customHeight="1">
      <c r="A95" s="81"/>
      <c r="B95" s="81"/>
      <c r="C95" s="81"/>
      <c r="D95" s="81"/>
      <c r="E95" s="81"/>
      <c r="F95" s="74"/>
      <c r="G95" s="62" t="s">
        <v>18</v>
      </c>
      <c r="H95" s="9">
        <v>0.44444444444444398</v>
      </c>
      <c r="I95" s="9">
        <v>0.45138888888888901</v>
      </c>
    </row>
    <row r="96" spans="1:9" ht="16.5" customHeight="1">
      <c r="A96" s="82"/>
      <c r="B96" s="82"/>
      <c r="C96" s="82"/>
      <c r="D96" s="82"/>
      <c r="E96" s="82"/>
      <c r="F96" s="75"/>
      <c r="G96" s="8">
        <v>5</v>
      </c>
      <c r="H96" s="9">
        <v>0.45138888888888901</v>
      </c>
      <c r="I96" s="9">
        <v>0.45833333333333298</v>
      </c>
    </row>
    <row r="97" spans="1:9" ht="16.5" customHeight="1">
      <c r="A97" s="80">
        <v>6</v>
      </c>
      <c r="B97" s="80" t="s">
        <v>19</v>
      </c>
      <c r="C97" s="80" t="s">
        <v>57</v>
      </c>
      <c r="D97" s="80" t="s">
        <v>15</v>
      </c>
      <c r="E97" s="80" t="s">
        <v>16</v>
      </c>
      <c r="F97" s="73">
        <v>0.48263888888888901</v>
      </c>
      <c r="G97" s="62" t="s">
        <v>17</v>
      </c>
      <c r="H97" s="9">
        <v>0.46180555555555602</v>
      </c>
      <c r="I97" s="9">
        <v>0.46875</v>
      </c>
    </row>
    <row r="98" spans="1:9" ht="16.5" customHeight="1">
      <c r="A98" s="81"/>
      <c r="B98" s="81"/>
      <c r="C98" s="81"/>
      <c r="D98" s="81"/>
      <c r="E98" s="81"/>
      <c r="F98" s="74"/>
      <c r="G98" s="62" t="s">
        <v>18</v>
      </c>
      <c r="H98" s="9">
        <v>0.46875</v>
      </c>
      <c r="I98" s="9">
        <v>0.47569444444444398</v>
      </c>
    </row>
    <row r="99" spans="1:9" ht="16.5" customHeight="1">
      <c r="A99" s="82"/>
      <c r="B99" s="82"/>
      <c r="C99" s="82"/>
      <c r="D99" s="82"/>
      <c r="E99" s="82"/>
      <c r="F99" s="75"/>
      <c r="G99" s="8">
        <v>5</v>
      </c>
      <c r="H99" s="9">
        <v>0.47569444444444398</v>
      </c>
      <c r="I99" s="9">
        <v>0.48263888888888901</v>
      </c>
    </row>
    <row r="100" spans="1:9" ht="16.5" customHeight="1">
      <c r="A100" s="6">
        <v>7</v>
      </c>
      <c r="B100" s="6" t="s">
        <v>13</v>
      </c>
      <c r="C100" s="6" t="s">
        <v>44</v>
      </c>
      <c r="D100" s="6" t="s">
        <v>40</v>
      </c>
      <c r="E100" s="6" t="s">
        <v>41</v>
      </c>
      <c r="F100" s="7">
        <v>0.51041666666666696</v>
      </c>
      <c r="G100" s="62" t="s">
        <v>17</v>
      </c>
      <c r="H100" s="9">
        <v>0.48958333333333298</v>
      </c>
      <c r="I100" s="9">
        <v>0.49652777777777801</v>
      </c>
    </row>
    <row r="101" spans="1:9" ht="16.5" customHeight="1">
      <c r="A101" s="6">
        <v>8</v>
      </c>
      <c r="B101" s="6" t="s">
        <v>19</v>
      </c>
      <c r="C101" s="6" t="s">
        <v>44</v>
      </c>
      <c r="D101" s="6" t="s">
        <v>40</v>
      </c>
      <c r="E101" s="6" t="s">
        <v>41</v>
      </c>
      <c r="F101" s="7">
        <v>0.52083333333333304</v>
      </c>
      <c r="G101" s="62" t="s">
        <v>17</v>
      </c>
      <c r="H101" s="9">
        <v>0.5</v>
      </c>
      <c r="I101" s="9">
        <v>0.50694444444444398</v>
      </c>
    </row>
    <row r="102" spans="1:9" ht="16.5" customHeight="1">
      <c r="A102" s="6">
        <v>9</v>
      </c>
      <c r="B102" s="6" t="s">
        <v>13</v>
      </c>
      <c r="C102" s="6" t="s">
        <v>56</v>
      </c>
      <c r="D102" s="6" t="s">
        <v>40</v>
      </c>
      <c r="E102" s="6" t="s">
        <v>41</v>
      </c>
      <c r="F102" s="7">
        <v>0.53125</v>
      </c>
      <c r="G102" s="62" t="s">
        <v>17</v>
      </c>
      <c r="H102" s="9">
        <v>0.51041666666666696</v>
      </c>
      <c r="I102" s="9">
        <v>0.51736111111111105</v>
      </c>
    </row>
    <row r="103" spans="1:9" ht="16.5" customHeight="1">
      <c r="A103" s="6">
        <v>10</v>
      </c>
      <c r="B103" s="6" t="s">
        <v>19</v>
      </c>
      <c r="C103" s="6" t="s">
        <v>56</v>
      </c>
      <c r="D103" s="6" t="s">
        <v>40</v>
      </c>
      <c r="E103" s="6" t="s">
        <v>41</v>
      </c>
      <c r="F103" s="7">
        <v>0.53819444444444398</v>
      </c>
      <c r="G103" s="62" t="s">
        <v>17</v>
      </c>
      <c r="H103" s="9">
        <v>0.51736111111111105</v>
      </c>
      <c r="I103" s="9">
        <v>0.52430555555555602</v>
      </c>
    </row>
    <row r="104" spans="1:9" ht="16.5" customHeight="1">
      <c r="A104" s="6">
        <v>11</v>
      </c>
      <c r="B104" s="6" t="s">
        <v>13</v>
      </c>
      <c r="C104" s="6" t="s">
        <v>57</v>
      </c>
      <c r="D104" s="6" t="s">
        <v>40</v>
      </c>
      <c r="E104" s="6" t="s">
        <v>41</v>
      </c>
      <c r="F104" s="7">
        <v>0.57291666666666696</v>
      </c>
      <c r="G104" s="62" t="s">
        <v>17</v>
      </c>
      <c r="H104" s="9">
        <v>0.55208333333333304</v>
      </c>
      <c r="I104" s="9">
        <v>0.55902777777777801</v>
      </c>
    </row>
    <row r="105" spans="1:9" ht="16.5" customHeight="1">
      <c r="A105" s="6">
        <v>12</v>
      </c>
      <c r="B105" s="6" t="s">
        <v>19</v>
      </c>
      <c r="C105" s="6" t="s">
        <v>57</v>
      </c>
      <c r="D105" s="6" t="s">
        <v>40</v>
      </c>
      <c r="E105" s="6" t="s">
        <v>41</v>
      </c>
      <c r="F105" s="7">
        <v>0.58333333333333304</v>
      </c>
      <c r="G105" s="62" t="s">
        <v>17</v>
      </c>
      <c r="H105" s="9">
        <v>0.5625</v>
      </c>
      <c r="I105" s="9">
        <v>0.56944444444444398</v>
      </c>
    </row>
    <row r="106" spans="1:9" ht="16.5" customHeight="1">
      <c r="A106" s="8">
        <v>13</v>
      </c>
      <c r="B106" s="8" t="s">
        <v>13</v>
      </c>
      <c r="C106" s="8" t="s">
        <v>44</v>
      </c>
      <c r="D106" s="8" t="s">
        <v>24</v>
      </c>
      <c r="E106" s="8"/>
      <c r="F106" s="9">
        <v>0.60069444444444398</v>
      </c>
      <c r="G106" s="8">
        <v>1</v>
      </c>
      <c r="H106" s="9">
        <v>0.57986111111111105</v>
      </c>
      <c r="I106" s="9">
        <v>0.58680555555555602</v>
      </c>
    </row>
    <row r="107" spans="1:9" ht="16.5" customHeight="1">
      <c r="A107" s="8">
        <v>14</v>
      </c>
      <c r="B107" s="8" t="s">
        <v>19</v>
      </c>
      <c r="C107" s="8" t="s">
        <v>44</v>
      </c>
      <c r="D107" s="8" t="s">
        <v>24</v>
      </c>
      <c r="E107" s="8"/>
      <c r="F107" s="9">
        <v>0.60763888888888895</v>
      </c>
      <c r="G107" s="8">
        <v>1</v>
      </c>
      <c r="H107" s="9">
        <v>0.58680555555555602</v>
      </c>
      <c r="I107" s="9">
        <v>0.59375</v>
      </c>
    </row>
    <row r="108" spans="1:9" ht="16.5" customHeight="1">
      <c r="A108" s="8">
        <v>15</v>
      </c>
      <c r="B108" s="8" t="s">
        <v>13</v>
      </c>
      <c r="C108" s="8" t="s">
        <v>56</v>
      </c>
      <c r="D108" s="8" t="s">
        <v>24</v>
      </c>
      <c r="E108" s="8"/>
      <c r="F108" s="9">
        <v>0.61805555555555602</v>
      </c>
      <c r="G108" s="8">
        <v>1</v>
      </c>
      <c r="H108" s="9">
        <v>0.59722222222222199</v>
      </c>
      <c r="I108" s="9">
        <v>0.60416666666666696</v>
      </c>
    </row>
    <row r="109" spans="1:9" ht="16.5" customHeight="1">
      <c r="A109" s="8">
        <v>16</v>
      </c>
      <c r="B109" s="8" t="s">
        <v>19</v>
      </c>
      <c r="C109" s="8" t="s">
        <v>56</v>
      </c>
      <c r="D109" s="8" t="s">
        <v>24</v>
      </c>
      <c r="E109" s="8"/>
      <c r="F109" s="9">
        <v>0.625</v>
      </c>
      <c r="G109" s="8">
        <v>1</v>
      </c>
      <c r="H109" s="9">
        <v>0.60416666666666696</v>
      </c>
      <c r="I109" s="9">
        <v>0.61111111111111105</v>
      </c>
    </row>
    <row r="110" spans="1:9" ht="16.5" customHeight="1">
      <c r="A110" s="80">
        <v>17</v>
      </c>
      <c r="B110" s="80" t="s">
        <v>19</v>
      </c>
      <c r="C110" s="80" t="s">
        <v>58</v>
      </c>
      <c r="D110" s="80" t="s">
        <v>15</v>
      </c>
      <c r="E110" s="80" t="s">
        <v>21</v>
      </c>
      <c r="F110" s="73">
        <v>0.63541666666666696</v>
      </c>
      <c r="G110" s="8">
        <v>1</v>
      </c>
      <c r="H110" s="9">
        <v>0.61458333333333304</v>
      </c>
      <c r="I110" s="9">
        <v>0.62152777777777801</v>
      </c>
    </row>
    <row r="111" spans="1:9" ht="16.5" customHeight="1">
      <c r="A111" s="82"/>
      <c r="B111" s="82"/>
      <c r="C111" s="82"/>
      <c r="D111" s="82"/>
      <c r="E111" s="82"/>
      <c r="F111" s="75"/>
      <c r="G111" s="8">
        <v>2</v>
      </c>
      <c r="H111" s="9">
        <v>0.625</v>
      </c>
      <c r="I111" s="9">
        <v>0.63194444444444398</v>
      </c>
    </row>
    <row r="112" spans="1:9" ht="16.5" customHeight="1">
      <c r="A112" s="80">
        <v>18</v>
      </c>
      <c r="B112" s="80" t="s">
        <v>13</v>
      </c>
      <c r="C112" s="80" t="s">
        <v>59</v>
      </c>
      <c r="D112" s="80" t="s">
        <v>54</v>
      </c>
      <c r="E112" s="80" t="s">
        <v>39</v>
      </c>
      <c r="F112" s="73">
        <v>0.66319444444444398</v>
      </c>
      <c r="G112" s="8" t="s">
        <v>17</v>
      </c>
      <c r="H112" s="19" t="s">
        <v>46</v>
      </c>
      <c r="I112" s="9">
        <v>0.64930555555555602</v>
      </c>
    </row>
    <row r="113" spans="1:9" ht="16.5" customHeight="1">
      <c r="A113" s="82"/>
      <c r="B113" s="82"/>
      <c r="C113" s="82"/>
      <c r="D113" s="82"/>
      <c r="E113" s="82"/>
      <c r="F113" s="75"/>
      <c r="G113" s="8">
        <v>3</v>
      </c>
      <c r="H113" s="19" t="s">
        <v>46</v>
      </c>
      <c r="I113" s="9">
        <v>0.65625</v>
      </c>
    </row>
    <row r="114" spans="1:9" ht="16.5" customHeight="1">
      <c r="A114" s="8">
        <v>19</v>
      </c>
      <c r="B114" s="8" t="s">
        <v>19</v>
      </c>
      <c r="C114" s="8" t="s">
        <v>60</v>
      </c>
      <c r="D114" s="8" t="s">
        <v>38</v>
      </c>
      <c r="E114" s="8" t="s">
        <v>61</v>
      </c>
      <c r="F114" s="9">
        <v>0.67708333333333304</v>
      </c>
      <c r="G114" s="8">
        <v>1</v>
      </c>
      <c r="H114" s="19" t="s">
        <v>46</v>
      </c>
      <c r="I114" s="9">
        <v>0.66319444444444398</v>
      </c>
    </row>
    <row r="115" spans="1:9" ht="16.5" customHeight="1">
      <c r="A115" s="80">
        <v>20</v>
      </c>
      <c r="B115" s="80" t="s">
        <v>13</v>
      </c>
      <c r="C115" s="80" t="s">
        <v>62</v>
      </c>
      <c r="D115" s="80" t="s">
        <v>15</v>
      </c>
      <c r="E115" s="80" t="s">
        <v>16</v>
      </c>
      <c r="F115" s="73">
        <v>0.69097222222222199</v>
      </c>
      <c r="G115" s="62" t="s">
        <v>17</v>
      </c>
      <c r="H115" s="9">
        <v>0.67013888888888895</v>
      </c>
      <c r="I115" s="9">
        <v>0.67708333333333304</v>
      </c>
    </row>
    <row r="116" spans="1:9" ht="16.5" customHeight="1">
      <c r="A116" s="81"/>
      <c r="B116" s="81"/>
      <c r="C116" s="81"/>
      <c r="D116" s="81"/>
      <c r="E116" s="81"/>
      <c r="F116" s="74"/>
      <c r="G116" s="62" t="s">
        <v>18</v>
      </c>
      <c r="H116" s="9">
        <v>0.67708333333333304</v>
      </c>
      <c r="I116" s="9">
        <v>0.68402777777777801</v>
      </c>
    </row>
    <row r="117" spans="1:9" ht="16.5" customHeight="1">
      <c r="A117" s="82"/>
      <c r="B117" s="82"/>
      <c r="C117" s="82"/>
      <c r="D117" s="82"/>
      <c r="E117" s="82"/>
      <c r="F117" s="75"/>
      <c r="G117" s="8">
        <v>5</v>
      </c>
      <c r="H117" s="9">
        <v>0.68402777777777801</v>
      </c>
      <c r="I117" s="9">
        <v>0.69097222222222199</v>
      </c>
    </row>
    <row r="118" spans="1:9" ht="16.5" customHeight="1">
      <c r="A118" s="83">
        <v>21</v>
      </c>
      <c r="B118" s="83" t="s">
        <v>19</v>
      </c>
      <c r="C118" s="83" t="s">
        <v>62</v>
      </c>
      <c r="D118" s="83" t="s">
        <v>15</v>
      </c>
      <c r="E118" s="83" t="s">
        <v>16</v>
      </c>
      <c r="F118" s="76">
        <v>0.71875</v>
      </c>
      <c r="G118" s="62" t="s">
        <v>17</v>
      </c>
      <c r="H118" s="9">
        <v>0.69791666666666696</v>
      </c>
      <c r="I118" s="9">
        <v>0.70486111111111105</v>
      </c>
    </row>
    <row r="119" spans="1:9" ht="16.5" customHeight="1">
      <c r="A119" s="83"/>
      <c r="B119" s="83"/>
      <c r="C119" s="83"/>
      <c r="D119" s="83"/>
      <c r="E119" s="83"/>
      <c r="F119" s="76"/>
      <c r="G119" s="62" t="s">
        <v>18</v>
      </c>
      <c r="H119" s="9">
        <v>0.70486111111111105</v>
      </c>
      <c r="I119" s="9">
        <v>0.71180555555555503</v>
      </c>
    </row>
    <row r="120" spans="1:9" ht="16.5" customHeight="1">
      <c r="A120" s="83"/>
      <c r="B120" s="83"/>
      <c r="C120" s="83"/>
      <c r="D120" s="83"/>
      <c r="E120" s="83"/>
      <c r="F120" s="76"/>
      <c r="G120" s="8">
        <v>5</v>
      </c>
      <c r="H120" s="9">
        <v>0.71180555555555503</v>
      </c>
      <c r="I120" s="9">
        <v>0.71875</v>
      </c>
    </row>
    <row r="121" spans="1:9" ht="16.5" customHeight="1">
      <c r="A121" s="23">
        <v>22</v>
      </c>
      <c r="B121" s="23" t="s">
        <v>19</v>
      </c>
      <c r="C121" s="23" t="s">
        <v>63</v>
      </c>
      <c r="D121" s="23" t="s">
        <v>24</v>
      </c>
      <c r="E121" s="23"/>
      <c r="F121" s="59">
        <v>0.75</v>
      </c>
      <c r="G121" s="23">
        <v>1</v>
      </c>
      <c r="H121" s="59">
        <v>0.72916666666666696</v>
      </c>
      <c r="I121" s="59">
        <v>0.73611111111111105</v>
      </c>
    </row>
    <row r="122" spans="1:9" ht="16.5" customHeight="1">
      <c r="G122" s="11"/>
      <c r="H122" s="1"/>
      <c r="I122" s="1"/>
    </row>
    <row r="123" spans="1:9" ht="16.5" customHeight="1">
      <c r="G123" s="11"/>
      <c r="H123" s="1"/>
      <c r="I123" s="1"/>
    </row>
    <row r="124" spans="1:9" ht="16.5" customHeight="1">
      <c r="A124" s="1" t="s">
        <v>25</v>
      </c>
    </row>
    <row r="125" spans="1:9" ht="16.5" customHeight="1">
      <c r="A125" s="4" t="s">
        <v>4</v>
      </c>
      <c r="B125" s="4" t="s">
        <v>5</v>
      </c>
      <c r="C125" s="4" t="s">
        <v>6</v>
      </c>
      <c r="D125" s="4" t="s">
        <v>7</v>
      </c>
      <c r="E125" s="4" t="s">
        <v>26</v>
      </c>
      <c r="F125" s="5" t="s">
        <v>9</v>
      </c>
      <c r="G125" s="4" t="s">
        <v>10</v>
      </c>
      <c r="H125" s="5" t="s">
        <v>11</v>
      </c>
      <c r="I125" s="5" t="s">
        <v>12</v>
      </c>
    </row>
    <row r="126" spans="1:9" ht="16.5" customHeight="1">
      <c r="A126" s="8">
        <v>1</v>
      </c>
      <c r="B126" s="8" t="s">
        <v>13</v>
      </c>
      <c r="C126" s="23" t="s">
        <v>64</v>
      </c>
      <c r="D126" s="8" t="s">
        <v>54</v>
      </c>
      <c r="E126" s="4" t="s">
        <v>65</v>
      </c>
      <c r="F126" s="9">
        <v>0.44444444444444398</v>
      </c>
      <c r="G126" s="8">
        <v>1</v>
      </c>
      <c r="H126" s="19" t="s">
        <v>46</v>
      </c>
      <c r="I126" s="9">
        <v>0.41666666666666702</v>
      </c>
    </row>
    <row r="127" spans="1:9" ht="16.5" customHeight="1">
      <c r="A127" s="8">
        <v>2</v>
      </c>
      <c r="B127" s="8" t="s">
        <v>19</v>
      </c>
      <c r="C127" s="8" t="s">
        <v>27</v>
      </c>
      <c r="D127" s="8" t="s">
        <v>24</v>
      </c>
      <c r="E127" s="4" t="s">
        <v>28</v>
      </c>
      <c r="F127" s="9">
        <v>0.44791666666666702</v>
      </c>
      <c r="G127" s="8">
        <v>1</v>
      </c>
      <c r="H127" s="9">
        <v>0.375</v>
      </c>
      <c r="I127" s="9">
        <v>0.38194444444444398</v>
      </c>
    </row>
    <row r="128" spans="1:9" ht="16.5" customHeight="1">
      <c r="A128" s="8">
        <v>3</v>
      </c>
      <c r="B128" s="8" t="s">
        <v>19</v>
      </c>
      <c r="C128" s="23" t="s">
        <v>66</v>
      </c>
      <c r="D128" s="8" t="s">
        <v>38</v>
      </c>
      <c r="E128" s="4" t="s">
        <v>65</v>
      </c>
      <c r="F128" s="9">
        <v>0.57638888888888895</v>
      </c>
      <c r="G128" s="8">
        <v>1</v>
      </c>
      <c r="H128" s="19" t="s">
        <v>46</v>
      </c>
      <c r="I128" s="9">
        <v>0.54861111111111105</v>
      </c>
    </row>
    <row r="129" spans="1:9" ht="16.5" customHeight="1">
      <c r="A129" s="8">
        <v>4</v>
      </c>
      <c r="B129" s="8" t="s">
        <v>19</v>
      </c>
      <c r="C129" s="8" t="s">
        <v>67</v>
      </c>
      <c r="D129" s="8" t="s">
        <v>24</v>
      </c>
      <c r="E129" s="60" t="s">
        <v>49</v>
      </c>
      <c r="F129" s="9">
        <v>0.58333333333333304</v>
      </c>
      <c r="G129" s="8">
        <v>1</v>
      </c>
      <c r="H129" s="9">
        <v>0.54861111111111105</v>
      </c>
      <c r="I129" s="9">
        <v>0.55555555555555602</v>
      </c>
    </row>
    <row r="130" spans="1:9" ht="16.5" customHeight="1">
      <c r="A130" s="20"/>
      <c r="B130" s="20"/>
      <c r="C130" s="20"/>
      <c r="D130" s="20"/>
      <c r="E130" s="21"/>
      <c r="F130" s="22"/>
      <c r="G130" s="20"/>
      <c r="H130" s="22"/>
      <c r="I130" s="22"/>
    </row>
    <row r="131" spans="1:9" ht="16.5" customHeight="1">
      <c r="A131" s="1" t="s">
        <v>31</v>
      </c>
      <c r="B131" s="13"/>
      <c r="C131" s="13"/>
      <c r="D131" s="13"/>
      <c r="E131" s="14"/>
      <c r="F131" s="15"/>
      <c r="G131" s="13"/>
      <c r="H131" s="15"/>
      <c r="I131" s="15"/>
    </row>
    <row r="132" spans="1:9" ht="16.5" customHeight="1">
      <c r="A132" s="8">
        <v>1</v>
      </c>
      <c r="B132" s="8" t="s">
        <v>19</v>
      </c>
      <c r="C132" s="8" t="s">
        <v>34</v>
      </c>
      <c r="D132" s="8" t="s">
        <v>24</v>
      </c>
      <c r="E132" s="4" t="s">
        <v>35</v>
      </c>
      <c r="F132" s="9">
        <v>0.39583333333333298</v>
      </c>
      <c r="G132" s="8">
        <v>1</v>
      </c>
      <c r="H132" s="9">
        <v>0.36111111111111099</v>
      </c>
      <c r="I132" s="9">
        <v>0.36805555555555602</v>
      </c>
    </row>
    <row r="133" spans="1:9" ht="16.5" customHeight="1">
      <c r="A133" s="8">
        <v>2</v>
      </c>
      <c r="B133" s="8" t="s">
        <v>19</v>
      </c>
      <c r="C133" s="8" t="s">
        <v>68</v>
      </c>
      <c r="D133" s="8" t="s">
        <v>38</v>
      </c>
      <c r="E133" s="4" t="s">
        <v>35</v>
      </c>
      <c r="F133" s="9">
        <v>0.46527777777777801</v>
      </c>
      <c r="G133" s="8">
        <v>1</v>
      </c>
      <c r="H133" s="19" t="s">
        <v>46</v>
      </c>
      <c r="I133" s="9">
        <v>0.4375</v>
      </c>
    </row>
    <row r="134" spans="1:9" ht="16.5" customHeight="1">
      <c r="A134" s="8">
        <v>3</v>
      </c>
      <c r="B134" s="8" t="s">
        <v>13</v>
      </c>
      <c r="C134" s="8" t="s">
        <v>69</v>
      </c>
      <c r="D134" s="8" t="s">
        <v>54</v>
      </c>
      <c r="E134" s="4" t="s">
        <v>35</v>
      </c>
      <c r="F134" s="9">
        <v>0.5625</v>
      </c>
      <c r="G134" s="8">
        <v>1</v>
      </c>
      <c r="H134" s="19" t="s">
        <v>46</v>
      </c>
      <c r="I134" s="9">
        <v>0.53472222222222199</v>
      </c>
    </row>
    <row r="135" spans="1:9" ht="16.5" customHeight="1">
      <c r="A135" s="8">
        <v>4</v>
      </c>
      <c r="B135" s="8" t="s">
        <v>13</v>
      </c>
      <c r="C135" s="8" t="s">
        <v>50</v>
      </c>
      <c r="D135" s="8" t="s">
        <v>24</v>
      </c>
      <c r="E135" s="4" t="s">
        <v>35</v>
      </c>
      <c r="F135" s="9">
        <v>0.60416666666666696</v>
      </c>
      <c r="G135" s="8">
        <v>1</v>
      </c>
      <c r="H135" s="9">
        <v>0.56944444444444398</v>
      </c>
      <c r="I135" s="9">
        <v>0.57638888888888895</v>
      </c>
    </row>
    <row r="136" spans="1:9" ht="15" customHeight="1">
      <c r="A136" s="2"/>
      <c r="B136" s="2"/>
      <c r="C136" s="2"/>
      <c r="D136" s="2"/>
      <c r="E136" s="2"/>
      <c r="F136" s="2"/>
    </row>
    <row r="137" spans="1:9" ht="27" customHeight="1">
      <c r="A137" s="92" t="s">
        <v>70</v>
      </c>
      <c r="B137" s="92"/>
      <c r="C137" s="92"/>
      <c r="D137" s="92"/>
      <c r="E137" s="92"/>
      <c r="F137" s="92"/>
      <c r="G137" s="92"/>
      <c r="H137" s="92"/>
      <c r="I137" s="92"/>
    </row>
    <row r="138" spans="1:9" ht="18.75" customHeight="1">
      <c r="A138" s="1" t="s">
        <v>3</v>
      </c>
      <c r="C138" s="3"/>
      <c r="D138" s="3"/>
      <c r="E138" s="3"/>
      <c r="F138" s="3"/>
      <c r="G138" s="3"/>
      <c r="H138" s="1"/>
      <c r="I138" s="25"/>
    </row>
    <row r="139" spans="1:9" ht="18.75" customHeight="1">
      <c r="A139" s="4" t="s">
        <v>4</v>
      </c>
      <c r="B139" s="4" t="s">
        <v>5</v>
      </c>
      <c r="C139" s="4" t="s">
        <v>6</v>
      </c>
      <c r="D139" s="4" t="s">
        <v>7</v>
      </c>
      <c r="E139" s="4" t="s">
        <v>8</v>
      </c>
      <c r="F139" s="5" t="s">
        <v>9</v>
      </c>
      <c r="G139" s="4" t="s">
        <v>10</v>
      </c>
      <c r="H139" s="5" t="s">
        <v>11</v>
      </c>
      <c r="I139" s="5" t="s">
        <v>12</v>
      </c>
    </row>
    <row r="140" spans="1:9" ht="18.75" customHeight="1">
      <c r="A140" s="8">
        <v>1</v>
      </c>
      <c r="B140" s="8" t="s">
        <v>13</v>
      </c>
      <c r="C140" s="8" t="s">
        <v>62</v>
      </c>
      <c r="D140" s="8" t="s">
        <v>40</v>
      </c>
      <c r="E140" s="8" t="s">
        <v>41</v>
      </c>
      <c r="F140" s="9">
        <v>0.38888888888888901</v>
      </c>
      <c r="G140" s="62" t="s">
        <v>17</v>
      </c>
      <c r="H140" s="9">
        <v>0.36805555555555602</v>
      </c>
      <c r="I140" s="9">
        <v>0.375</v>
      </c>
    </row>
    <row r="141" spans="1:9" ht="18.75" customHeight="1">
      <c r="A141" s="8">
        <v>2</v>
      </c>
      <c r="B141" s="8" t="s">
        <v>19</v>
      </c>
      <c r="C141" s="8" t="s">
        <v>62</v>
      </c>
      <c r="D141" s="8" t="s">
        <v>40</v>
      </c>
      <c r="E141" s="8" t="s">
        <v>41</v>
      </c>
      <c r="F141" s="9">
        <v>0.40277777777777801</v>
      </c>
      <c r="G141" s="62" t="s">
        <v>17</v>
      </c>
      <c r="H141" s="9">
        <v>0.38194444444444398</v>
      </c>
      <c r="I141" s="9">
        <v>0.38888888888888901</v>
      </c>
    </row>
    <row r="142" spans="1:9" ht="18.75" customHeight="1">
      <c r="A142" s="23">
        <v>3</v>
      </c>
      <c r="B142" s="23" t="s">
        <v>19</v>
      </c>
      <c r="C142" s="23" t="s">
        <v>58</v>
      </c>
      <c r="D142" s="23" t="s">
        <v>24</v>
      </c>
      <c r="E142" s="23"/>
      <c r="F142" s="59">
        <v>0.42013888888888901</v>
      </c>
      <c r="G142" s="23">
        <v>1</v>
      </c>
      <c r="H142" s="59">
        <v>0.39930555555555602</v>
      </c>
      <c r="I142" s="59">
        <v>0.40625</v>
      </c>
    </row>
    <row r="143" spans="1:9" ht="18.75" customHeight="1">
      <c r="A143" s="23">
        <v>4</v>
      </c>
      <c r="B143" s="23" t="s">
        <v>13</v>
      </c>
      <c r="C143" s="23" t="s">
        <v>71</v>
      </c>
      <c r="D143" s="23" t="s">
        <v>24</v>
      </c>
      <c r="E143" s="23"/>
      <c r="F143" s="59">
        <v>0.4375</v>
      </c>
      <c r="G143" s="23">
        <v>1</v>
      </c>
      <c r="H143" s="59">
        <v>0.41666666666666702</v>
      </c>
      <c r="I143" s="59">
        <v>0.42361111111111099</v>
      </c>
    </row>
    <row r="144" spans="1:9" ht="18.75" customHeight="1">
      <c r="A144" s="84">
        <v>5</v>
      </c>
      <c r="B144" s="84" t="s">
        <v>13</v>
      </c>
      <c r="C144" s="84" t="s">
        <v>72</v>
      </c>
      <c r="D144" s="84" t="s">
        <v>15</v>
      </c>
      <c r="E144" s="84" t="s">
        <v>16</v>
      </c>
      <c r="F144" s="77">
        <v>0.45138888888888901</v>
      </c>
      <c r="G144" s="63" t="s">
        <v>17</v>
      </c>
      <c r="H144" s="59">
        <v>0.43055555555555602</v>
      </c>
      <c r="I144" s="59">
        <v>0.4375</v>
      </c>
    </row>
    <row r="145" spans="1:9" ht="18.75" customHeight="1">
      <c r="A145" s="85"/>
      <c r="B145" s="85"/>
      <c r="C145" s="85"/>
      <c r="D145" s="85"/>
      <c r="E145" s="85"/>
      <c r="F145" s="78"/>
      <c r="G145" s="63" t="s">
        <v>18</v>
      </c>
      <c r="H145" s="59">
        <v>0.4375</v>
      </c>
      <c r="I145" s="59">
        <v>0.44444444444444398</v>
      </c>
    </row>
    <row r="146" spans="1:9" ht="18.75" customHeight="1">
      <c r="A146" s="86"/>
      <c r="B146" s="86"/>
      <c r="C146" s="86"/>
      <c r="D146" s="86"/>
      <c r="E146" s="86"/>
      <c r="F146" s="79"/>
      <c r="G146" s="23">
        <v>5</v>
      </c>
      <c r="H146" s="59">
        <v>0.44444444444444398</v>
      </c>
      <c r="I146" s="59">
        <v>0.45138888888888901</v>
      </c>
    </row>
    <row r="147" spans="1:9" ht="18.75" customHeight="1">
      <c r="A147" s="84">
        <v>6</v>
      </c>
      <c r="B147" s="84" t="s">
        <v>19</v>
      </c>
      <c r="C147" s="84" t="s">
        <v>72</v>
      </c>
      <c r="D147" s="84" t="s">
        <v>15</v>
      </c>
      <c r="E147" s="84" t="s">
        <v>16</v>
      </c>
      <c r="F147" s="77">
        <v>0.46875</v>
      </c>
      <c r="G147" s="63" t="s">
        <v>17</v>
      </c>
      <c r="H147" s="59">
        <v>0.44791666666666702</v>
      </c>
      <c r="I147" s="59">
        <v>0.45486111111111099</v>
      </c>
    </row>
    <row r="148" spans="1:9" ht="18.75" customHeight="1">
      <c r="A148" s="85"/>
      <c r="B148" s="85"/>
      <c r="C148" s="85"/>
      <c r="D148" s="85"/>
      <c r="E148" s="85"/>
      <c r="F148" s="78"/>
      <c r="G148" s="63" t="s">
        <v>18</v>
      </c>
      <c r="H148" s="59">
        <v>0.45486111111111099</v>
      </c>
      <c r="I148" s="59">
        <v>0.46180555555555602</v>
      </c>
    </row>
    <row r="149" spans="1:9" ht="18.75" customHeight="1">
      <c r="A149" s="86"/>
      <c r="B149" s="86"/>
      <c r="C149" s="86"/>
      <c r="D149" s="86"/>
      <c r="E149" s="86"/>
      <c r="F149" s="79"/>
      <c r="G149" s="23">
        <v>5</v>
      </c>
      <c r="H149" s="59">
        <v>0.46180555555555602</v>
      </c>
      <c r="I149" s="59">
        <v>0.46875</v>
      </c>
    </row>
    <row r="150" spans="1:9" ht="18.75" customHeight="1">
      <c r="A150" s="23">
        <v>7</v>
      </c>
      <c r="B150" s="23" t="s">
        <v>13</v>
      </c>
      <c r="C150" s="23" t="s">
        <v>72</v>
      </c>
      <c r="D150" s="23" t="s">
        <v>40</v>
      </c>
      <c r="E150" s="23" t="s">
        <v>41</v>
      </c>
      <c r="F150" s="59">
        <v>0.51736111111111105</v>
      </c>
      <c r="G150" s="63" t="s">
        <v>17</v>
      </c>
      <c r="H150" s="59">
        <v>0.49652777777777801</v>
      </c>
      <c r="I150" s="59">
        <v>0.50347222222222199</v>
      </c>
    </row>
    <row r="151" spans="1:9" ht="18.75" customHeight="1">
      <c r="A151" s="23">
        <v>8</v>
      </c>
      <c r="B151" s="23" t="s">
        <v>19</v>
      </c>
      <c r="C151" s="23" t="s">
        <v>72</v>
      </c>
      <c r="D151" s="23" t="s">
        <v>40</v>
      </c>
      <c r="E151" s="23" t="s">
        <v>41</v>
      </c>
      <c r="F151" s="59">
        <v>0.52777777777777801</v>
      </c>
      <c r="G151" s="63" t="s">
        <v>17</v>
      </c>
      <c r="H151" s="59">
        <v>0.50694444444444398</v>
      </c>
      <c r="I151" s="59">
        <v>0.51388888888888895</v>
      </c>
    </row>
    <row r="152" spans="1:9" ht="18.75" customHeight="1">
      <c r="A152" s="23">
        <v>9</v>
      </c>
      <c r="B152" s="23" t="s">
        <v>13</v>
      </c>
      <c r="C152" s="23" t="s">
        <v>57</v>
      </c>
      <c r="D152" s="23" t="s">
        <v>24</v>
      </c>
      <c r="E152" s="23"/>
      <c r="F152" s="59">
        <v>0.55555555555555602</v>
      </c>
      <c r="G152" s="23">
        <v>1</v>
      </c>
      <c r="H152" s="59">
        <v>0.53472222222222199</v>
      </c>
      <c r="I152" s="59">
        <v>0.54166666666666696</v>
      </c>
    </row>
    <row r="153" spans="1:9" ht="18.75" customHeight="1">
      <c r="A153" s="23">
        <v>10</v>
      </c>
      <c r="B153" s="23" t="s">
        <v>19</v>
      </c>
      <c r="C153" s="23" t="s">
        <v>57</v>
      </c>
      <c r="D153" s="23" t="s">
        <v>24</v>
      </c>
      <c r="E153" s="23"/>
      <c r="F153" s="59">
        <v>0.5625</v>
      </c>
      <c r="G153" s="23">
        <v>1</v>
      </c>
      <c r="H153" s="59">
        <v>0.54166666666666696</v>
      </c>
      <c r="I153" s="59">
        <v>0.54861111111111105</v>
      </c>
    </row>
    <row r="154" spans="1:9" ht="18.75" customHeight="1">
      <c r="A154" s="23">
        <v>11</v>
      </c>
      <c r="B154" s="23" t="s">
        <v>13</v>
      </c>
      <c r="C154" s="23" t="s">
        <v>72</v>
      </c>
      <c r="D154" s="23" t="s">
        <v>24</v>
      </c>
      <c r="E154" s="23"/>
      <c r="F154" s="59">
        <v>0.58680555555555602</v>
      </c>
      <c r="G154" s="23">
        <v>1</v>
      </c>
      <c r="H154" s="59">
        <v>0.56597222222222199</v>
      </c>
      <c r="I154" s="59">
        <v>0.57291666666666696</v>
      </c>
    </row>
    <row r="155" spans="1:9" ht="18.75" customHeight="1">
      <c r="A155" s="23">
        <v>12</v>
      </c>
      <c r="B155" s="23" t="s">
        <v>19</v>
      </c>
      <c r="C155" s="23" t="s">
        <v>72</v>
      </c>
      <c r="D155" s="23" t="s">
        <v>24</v>
      </c>
      <c r="E155" s="23"/>
      <c r="F155" s="59">
        <v>0.59375</v>
      </c>
      <c r="G155" s="23">
        <v>1</v>
      </c>
      <c r="H155" s="59">
        <v>0.57291666666666696</v>
      </c>
      <c r="I155" s="59">
        <v>0.57986111111111105</v>
      </c>
    </row>
    <row r="156" spans="1:9" ht="18.75" customHeight="1">
      <c r="A156" s="84">
        <v>13</v>
      </c>
      <c r="B156" s="84" t="s">
        <v>13</v>
      </c>
      <c r="C156" s="84" t="s">
        <v>73</v>
      </c>
      <c r="D156" s="84" t="s">
        <v>54</v>
      </c>
      <c r="E156" s="84" t="s">
        <v>39</v>
      </c>
      <c r="F156" s="77">
        <v>0.60416666666666696</v>
      </c>
      <c r="G156" s="23" t="s">
        <v>17</v>
      </c>
      <c r="H156" s="61" t="s">
        <v>46</v>
      </c>
      <c r="I156" s="59">
        <v>0.59027777777777801</v>
      </c>
    </row>
    <row r="157" spans="1:9" ht="18.75" customHeight="1">
      <c r="A157" s="86"/>
      <c r="B157" s="86"/>
      <c r="C157" s="86"/>
      <c r="D157" s="86"/>
      <c r="E157" s="86"/>
      <c r="F157" s="79"/>
      <c r="G157" s="23">
        <v>3</v>
      </c>
      <c r="H157" s="61" t="s">
        <v>46</v>
      </c>
      <c r="I157" s="59">
        <v>0.59722222222222199</v>
      </c>
    </row>
    <row r="158" spans="1:9" ht="18.75" customHeight="1">
      <c r="A158" s="23">
        <v>14</v>
      </c>
      <c r="B158" s="23" t="s">
        <v>13</v>
      </c>
      <c r="C158" s="23" t="s">
        <v>62</v>
      </c>
      <c r="D158" s="23" t="s">
        <v>24</v>
      </c>
      <c r="E158" s="23"/>
      <c r="F158" s="59">
        <v>0.625</v>
      </c>
      <c r="G158" s="23">
        <v>1</v>
      </c>
      <c r="H158" s="59">
        <v>0.60416666666666696</v>
      </c>
      <c r="I158" s="59">
        <v>0.61111111111111105</v>
      </c>
    </row>
    <row r="159" spans="1:9" ht="18.75" customHeight="1">
      <c r="A159" s="23">
        <v>15</v>
      </c>
      <c r="B159" s="23" t="s">
        <v>19</v>
      </c>
      <c r="C159" s="23" t="s">
        <v>62</v>
      </c>
      <c r="D159" s="23" t="s">
        <v>24</v>
      </c>
      <c r="E159" s="23"/>
      <c r="F159" s="59">
        <v>0.63194444444444398</v>
      </c>
      <c r="G159" s="23">
        <v>1</v>
      </c>
      <c r="H159" s="59">
        <v>0.61111111111111105</v>
      </c>
      <c r="I159" s="59">
        <v>0.61805555555555602</v>
      </c>
    </row>
    <row r="160" spans="1:9" ht="18.75" customHeight="1">
      <c r="G160" s="11"/>
    </row>
    <row r="161" spans="1:9" ht="18.75" customHeight="1">
      <c r="G161" s="11"/>
    </row>
    <row r="162" spans="1:9" ht="18.75" customHeight="1">
      <c r="G162" s="11"/>
    </row>
    <row r="163" spans="1:9" ht="18.75" customHeight="1">
      <c r="A163" s="1" t="s">
        <v>25</v>
      </c>
    </row>
    <row r="164" spans="1:9" ht="18.75" customHeight="1">
      <c r="A164" s="4" t="s">
        <v>4</v>
      </c>
      <c r="B164" s="4" t="s">
        <v>5</v>
      </c>
      <c r="C164" s="4" t="s">
        <v>6</v>
      </c>
      <c r="D164" s="4" t="s">
        <v>7</v>
      </c>
      <c r="E164" s="4" t="s">
        <v>26</v>
      </c>
      <c r="F164" s="5" t="s">
        <v>9</v>
      </c>
      <c r="G164" s="4" t="s">
        <v>10</v>
      </c>
      <c r="H164" s="5" t="s">
        <v>11</v>
      </c>
      <c r="I164" s="5" t="s">
        <v>12</v>
      </c>
    </row>
    <row r="165" spans="1:9" ht="18.75" customHeight="1">
      <c r="A165" s="8">
        <v>1</v>
      </c>
      <c r="B165" s="8" t="s">
        <v>13</v>
      </c>
      <c r="C165" s="8" t="s">
        <v>74</v>
      </c>
      <c r="D165" s="8" t="s">
        <v>54</v>
      </c>
      <c r="E165" s="4" t="s">
        <v>49</v>
      </c>
      <c r="F165" s="9">
        <v>0.39583333333333298</v>
      </c>
      <c r="G165" s="8">
        <v>1</v>
      </c>
      <c r="H165" s="9">
        <v>0.36111111111111099</v>
      </c>
      <c r="I165" s="9">
        <v>0.36805555555555602</v>
      </c>
    </row>
    <row r="166" spans="1:9" ht="18.75" customHeight="1">
      <c r="A166" s="8">
        <v>2</v>
      </c>
      <c r="B166" s="8" t="s">
        <v>13</v>
      </c>
      <c r="C166" s="8" t="s">
        <v>67</v>
      </c>
      <c r="D166" s="8" t="s">
        <v>24</v>
      </c>
      <c r="E166" s="4" t="s">
        <v>49</v>
      </c>
      <c r="F166" s="9">
        <v>0.51388888888888895</v>
      </c>
      <c r="G166" s="8">
        <v>1</v>
      </c>
      <c r="H166" s="9">
        <v>0.47916666666666702</v>
      </c>
      <c r="I166" s="9">
        <v>0.48611111111111099</v>
      </c>
    </row>
    <row r="167" spans="1:9" ht="18.75" customHeight="1">
      <c r="A167" s="20"/>
      <c r="B167" s="20"/>
      <c r="C167" s="20"/>
      <c r="D167" s="20"/>
      <c r="E167" s="21"/>
      <c r="F167" s="22"/>
      <c r="G167" s="20"/>
      <c r="H167" s="22"/>
      <c r="I167" s="22"/>
    </row>
    <row r="168" spans="1:9" ht="18.75" customHeight="1">
      <c r="A168" s="1" t="s">
        <v>31</v>
      </c>
      <c r="B168" s="13"/>
      <c r="C168" s="13"/>
      <c r="D168" s="13"/>
      <c r="E168" s="14"/>
      <c r="F168" s="15"/>
      <c r="G168" s="13"/>
      <c r="H168" s="15"/>
      <c r="I168" s="15"/>
    </row>
    <row r="169" spans="1:9" ht="18.75" customHeight="1">
      <c r="A169" s="8">
        <v>1</v>
      </c>
      <c r="B169" s="8" t="s">
        <v>19</v>
      </c>
      <c r="C169" s="8" t="s">
        <v>75</v>
      </c>
      <c r="D169" s="8" t="s">
        <v>24</v>
      </c>
      <c r="E169" s="4" t="s">
        <v>33</v>
      </c>
      <c r="F169" s="9">
        <v>0.39236111111111099</v>
      </c>
      <c r="G169" s="8">
        <v>1</v>
      </c>
      <c r="H169" s="9">
        <v>0.35763888888888901</v>
      </c>
      <c r="I169" s="9">
        <v>0.36458333333333298</v>
      </c>
    </row>
    <row r="170" spans="1:9" ht="18.75" customHeight="1">
      <c r="A170" s="23">
        <v>2</v>
      </c>
      <c r="B170" s="23" t="s">
        <v>13</v>
      </c>
      <c r="C170" s="23" t="s">
        <v>76</v>
      </c>
      <c r="D170" s="23" t="s">
        <v>54</v>
      </c>
      <c r="E170" s="60" t="s">
        <v>35</v>
      </c>
      <c r="F170" s="59">
        <v>0.48958333333333298</v>
      </c>
      <c r="G170" s="23">
        <v>1</v>
      </c>
      <c r="H170" s="61" t="s">
        <v>46</v>
      </c>
      <c r="I170" s="59">
        <v>0.46180555555555602</v>
      </c>
    </row>
    <row r="171" spans="1:9" ht="15" customHeight="1">
      <c r="A171" s="8">
        <v>3</v>
      </c>
      <c r="B171" s="8" t="s">
        <v>13</v>
      </c>
      <c r="C171" s="8" t="s">
        <v>75</v>
      </c>
      <c r="D171" s="8" t="s">
        <v>24</v>
      </c>
      <c r="E171" s="4" t="s">
        <v>33</v>
      </c>
      <c r="F171" s="9">
        <v>0.55208333333333304</v>
      </c>
      <c r="G171" s="8">
        <v>1</v>
      </c>
      <c r="H171" s="9">
        <v>0.51736111111111105</v>
      </c>
      <c r="I171" s="9">
        <v>0.52430555555555602</v>
      </c>
    </row>
  </sheetData>
  <mergeCells count="156">
    <mergeCell ref="A1:I1"/>
    <mergeCell ref="A2:I2"/>
    <mergeCell ref="A3:I3"/>
    <mergeCell ref="A33:I33"/>
    <mergeCell ref="A81:I81"/>
    <mergeCell ref="A137:I137"/>
    <mergeCell ref="A6:A8"/>
    <mergeCell ref="A9:A11"/>
    <mergeCell ref="A12:A13"/>
    <mergeCell ref="A14:A15"/>
    <mergeCell ref="A16:A18"/>
    <mergeCell ref="A19:A21"/>
    <mergeCell ref="A36:A37"/>
    <mergeCell ref="A40:A42"/>
    <mergeCell ref="A43:A45"/>
    <mergeCell ref="A56:A58"/>
    <mergeCell ref="A59:A61"/>
    <mergeCell ref="A62:A63"/>
    <mergeCell ref="A84:A85"/>
    <mergeCell ref="A86:A87"/>
    <mergeCell ref="A88:A90"/>
    <mergeCell ref="A91:A93"/>
    <mergeCell ref="A94:A96"/>
    <mergeCell ref="A97:A99"/>
    <mergeCell ref="A110:A111"/>
    <mergeCell ref="A112:A113"/>
    <mergeCell ref="A115:A117"/>
    <mergeCell ref="A118:A120"/>
    <mergeCell ref="A144:A146"/>
    <mergeCell ref="A147:A149"/>
    <mergeCell ref="A156:A157"/>
    <mergeCell ref="B6:B8"/>
    <mergeCell ref="B9:B11"/>
    <mergeCell ref="B12:B13"/>
    <mergeCell ref="B14:B15"/>
    <mergeCell ref="B16:B18"/>
    <mergeCell ref="B19:B21"/>
    <mergeCell ref="B36:B37"/>
    <mergeCell ref="B40:B42"/>
    <mergeCell ref="B43:B45"/>
    <mergeCell ref="B56:B58"/>
    <mergeCell ref="B59:B61"/>
    <mergeCell ref="B62:B63"/>
    <mergeCell ref="B84:B85"/>
    <mergeCell ref="B86:B87"/>
    <mergeCell ref="B88:B90"/>
    <mergeCell ref="B91:B93"/>
    <mergeCell ref="B94:B96"/>
    <mergeCell ref="B97:B99"/>
    <mergeCell ref="B110:B111"/>
    <mergeCell ref="B112:B113"/>
    <mergeCell ref="B115:B117"/>
    <mergeCell ref="B118:B120"/>
    <mergeCell ref="B144:B146"/>
    <mergeCell ref="B147:B149"/>
    <mergeCell ref="B156:B157"/>
    <mergeCell ref="C6:C8"/>
    <mergeCell ref="C9:C11"/>
    <mergeCell ref="C12:C13"/>
    <mergeCell ref="C14:C15"/>
    <mergeCell ref="C16:C18"/>
    <mergeCell ref="C19:C21"/>
    <mergeCell ref="C36:C37"/>
    <mergeCell ref="C40:C42"/>
    <mergeCell ref="C43:C45"/>
    <mergeCell ref="C56:C58"/>
    <mergeCell ref="C59:C61"/>
    <mergeCell ref="C62:C63"/>
    <mergeCell ref="C84:C85"/>
    <mergeCell ref="C86:C87"/>
    <mergeCell ref="C88:C90"/>
    <mergeCell ref="C91:C93"/>
    <mergeCell ref="C94:C96"/>
    <mergeCell ref="C97:C99"/>
    <mergeCell ref="C110:C111"/>
    <mergeCell ref="C112:C113"/>
    <mergeCell ref="C115:C117"/>
    <mergeCell ref="C118:C120"/>
    <mergeCell ref="C144:C146"/>
    <mergeCell ref="C147:C149"/>
    <mergeCell ref="C156:C157"/>
    <mergeCell ref="D6:D8"/>
    <mergeCell ref="D9:D11"/>
    <mergeCell ref="D12:D13"/>
    <mergeCell ref="D14:D15"/>
    <mergeCell ref="D16:D18"/>
    <mergeCell ref="D19:D21"/>
    <mergeCell ref="D36:D37"/>
    <mergeCell ref="D40:D42"/>
    <mergeCell ref="D43:D45"/>
    <mergeCell ref="D56:D58"/>
    <mergeCell ref="D59:D61"/>
    <mergeCell ref="D62:D63"/>
    <mergeCell ref="D84:D85"/>
    <mergeCell ref="D86:D87"/>
    <mergeCell ref="D88:D90"/>
    <mergeCell ref="D91:D93"/>
    <mergeCell ref="D94:D96"/>
    <mergeCell ref="D97:D99"/>
    <mergeCell ref="D110:D111"/>
    <mergeCell ref="D112:D113"/>
    <mergeCell ref="D115:D117"/>
    <mergeCell ref="D118:D120"/>
    <mergeCell ref="D144:D146"/>
    <mergeCell ref="D147:D149"/>
    <mergeCell ref="D156:D157"/>
    <mergeCell ref="E6:E8"/>
    <mergeCell ref="E9:E11"/>
    <mergeCell ref="E12:E13"/>
    <mergeCell ref="E14:E15"/>
    <mergeCell ref="E16:E18"/>
    <mergeCell ref="E19:E21"/>
    <mergeCell ref="E36:E37"/>
    <mergeCell ref="E40:E42"/>
    <mergeCell ref="E43:E45"/>
    <mergeCell ref="E56:E58"/>
    <mergeCell ref="E59:E61"/>
    <mergeCell ref="E62:E63"/>
    <mergeCell ref="E84:E85"/>
    <mergeCell ref="E86:E87"/>
    <mergeCell ref="E88:E90"/>
    <mergeCell ref="E91:E93"/>
    <mergeCell ref="E94:E96"/>
    <mergeCell ref="E97:E99"/>
    <mergeCell ref="E110:E111"/>
    <mergeCell ref="E112:E113"/>
    <mergeCell ref="E115:E117"/>
    <mergeCell ref="E118:E120"/>
    <mergeCell ref="E144:E146"/>
    <mergeCell ref="E147:E149"/>
    <mergeCell ref="E156:E157"/>
    <mergeCell ref="F6:F8"/>
    <mergeCell ref="F9:F11"/>
    <mergeCell ref="F12:F13"/>
    <mergeCell ref="F14:F15"/>
    <mergeCell ref="F16:F18"/>
    <mergeCell ref="F19:F21"/>
    <mergeCell ref="F36:F37"/>
    <mergeCell ref="F40:F42"/>
    <mergeCell ref="F43:F45"/>
    <mergeCell ref="F56:F58"/>
    <mergeCell ref="F59:F61"/>
    <mergeCell ref="F62:F63"/>
    <mergeCell ref="F84:F85"/>
    <mergeCell ref="F86:F87"/>
    <mergeCell ref="F88:F90"/>
    <mergeCell ref="F91:F93"/>
    <mergeCell ref="F94:F96"/>
    <mergeCell ref="F97:F99"/>
    <mergeCell ref="F110:F111"/>
    <mergeCell ref="F112:F113"/>
    <mergeCell ref="F115:F117"/>
    <mergeCell ref="F118:F120"/>
    <mergeCell ref="F144:F146"/>
    <mergeCell ref="F147:F149"/>
    <mergeCell ref="F156:F157"/>
  </mergeCells>
  <phoneticPr fontId="18"/>
  <printOptions horizontalCentered="1"/>
  <pageMargins left="0.59055118110236204" right="0.39370078740157499" top="0.55118110236220497" bottom="0.35433070866141703" header="0.31496062992126" footer="0.31496062992126"/>
  <pageSetup paperSize="9" scale="92" orientation="portrait" cellComments="asDisplayed" r:id="rId1"/>
  <rowBreaks count="3" manualBreakCount="3">
    <brk id="32" max="8" man="1"/>
    <brk id="80" max="8" man="1"/>
    <brk id="136" max="8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T171"/>
  <sheetViews>
    <sheetView topLeftCell="A158" zoomScale="70" zoomScaleNormal="70" zoomScaleSheetLayoutView="80" workbookViewId="0">
      <selection activeCell="F173" sqref="F173"/>
    </sheetView>
  </sheetViews>
  <sheetFormatPr defaultColWidth="9" defaultRowHeight="15" customHeight="1"/>
  <cols>
    <col min="1" max="1" width="4.875" style="1" customWidth="1"/>
    <col min="2" max="2" width="5.25" style="1" customWidth="1"/>
    <col min="3" max="3" width="16.875" style="1" customWidth="1"/>
    <col min="4" max="4" width="6.25" style="1" customWidth="1"/>
    <col min="5" max="5" width="13.5" style="1" customWidth="1"/>
    <col min="6" max="6" width="10.75" style="1" customWidth="1"/>
    <col min="7" max="7" width="7.25" style="2" customWidth="1"/>
    <col min="8" max="9" width="10.75" style="2" customWidth="1"/>
    <col min="10" max="10" width="2.75" style="1" customWidth="1"/>
    <col min="11" max="11" width="4.875" style="1" customWidth="1"/>
    <col min="12" max="12" width="5.25" style="1" customWidth="1"/>
    <col min="13" max="13" width="16.875" style="1" customWidth="1"/>
    <col min="14" max="14" width="6.25" style="1" customWidth="1"/>
    <col min="15" max="15" width="13.5" style="1" customWidth="1"/>
    <col min="16" max="16" width="10.75" style="1" customWidth="1"/>
    <col min="17" max="17" width="7.25" style="2" customWidth="1"/>
    <col min="18" max="19" width="10.75" style="2" customWidth="1"/>
    <col min="20" max="16384" width="9" style="1"/>
  </cols>
  <sheetData>
    <row r="1" spans="1:19" ht="18.75" customHeight="1">
      <c r="A1" s="92" t="s">
        <v>77</v>
      </c>
      <c r="B1" s="92"/>
      <c r="C1" s="92"/>
      <c r="D1" s="92"/>
      <c r="E1" s="92"/>
      <c r="F1" s="92"/>
      <c r="G1" s="92"/>
      <c r="H1" s="92"/>
      <c r="I1" s="92"/>
      <c r="K1" s="92" t="s">
        <v>0</v>
      </c>
      <c r="L1" s="92"/>
      <c r="M1" s="92"/>
      <c r="N1" s="92"/>
      <c r="O1" s="92"/>
      <c r="P1" s="92"/>
      <c r="Q1" s="92"/>
      <c r="R1" s="92"/>
      <c r="S1" s="92"/>
    </row>
    <row r="2" spans="1:19" ht="18.75" customHeight="1">
      <c r="A2" s="92" t="s">
        <v>1</v>
      </c>
      <c r="B2" s="92"/>
      <c r="C2" s="92"/>
      <c r="D2" s="92"/>
      <c r="E2" s="92"/>
      <c r="F2" s="92"/>
      <c r="G2" s="92"/>
      <c r="H2" s="92"/>
      <c r="I2" s="92"/>
      <c r="K2" s="92" t="s">
        <v>1</v>
      </c>
      <c r="L2" s="92"/>
      <c r="M2" s="92"/>
      <c r="N2" s="92"/>
      <c r="O2" s="92"/>
      <c r="P2" s="92"/>
      <c r="Q2" s="92"/>
      <c r="R2" s="92"/>
      <c r="S2" s="92"/>
    </row>
    <row r="3" spans="1:19" ht="27" customHeight="1">
      <c r="A3" s="92" t="s">
        <v>78</v>
      </c>
      <c r="B3" s="92"/>
      <c r="C3" s="92"/>
      <c r="D3" s="92"/>
      <c r="E3" s="92"/>
      <c r="F3" s="92"/>
      <c r="G3" s="92"/>
      <c r="H3" s="92"/>
      <c r="I3" s="92"/>
      <c r="K3" s="92" t="s">
        <v>2</v>
      </c>
      <c r="L3" s="92"/>
      <c r="M3" s="92"/>
      <c r="N3" s="92"/>
      <c r="O3" s="92"/>
      <c r="P3" s="92"/>
      <c r="Q3" s="92"/>
      <c r="R3" s="92"/>
      <c r="S3" s="92"/>
    </row>
    <row r="4" spans="1:19" ht="15" customHeight="1">
      <c r="A4" s="1" t="s">
        <v>3</v>
      </c>
      <c r="C4" s="3"/>
      <c r="D4" s="3"/>
      <c r="E4" s="3"/>
      <c r="F4" s="3"/>
      <c r="G4" s="3"/>
      <c r="H4" s="3"/>
      <c r="I4" s="3"/>
      <c r="K4" s="1" t="s">
        <v>3</v>
      </c>
      <c r="M4" s="3"/>
      <c r="N4" s="3"/>
      <c r="O4" s="3"/>
      <c r="P4" s="3"/>
      <c r="Q4" s="3"/>
      <c r="R4" s="3"/>
      <c r="S4" s="3"/>
    </row>
    <row r="5" spans="1:19" ht="18.75" customHeight="1">
      <c r="A5" s="4" t="s">
        <v>4</v>
      </c>
      <c r="B5" s="4" t="s">
        <v>5</v>
      </c>
      <c r="C5" s="4" t="s">
        <v>6</v>
      </c>
      <c r="D5" s="4" t="s">
        <v>7</v>
      </c>
      <c r="E5" s="4" t="s">
        <v>8</v>
      </c>
      <c r="F5" s="5" t="s">
        <v>9</v>
      </c>
      <c r="G5" s="4" t="s">
        <v>10</v>
      </c>
      <c r="H5" s="5" t="s">
        <v>11</v>
      </c>
      <c r="I5" s="5" t="s">
        <v>12</v>
      </c>
      <c r="K5" s="4" t="s">
        <v>4</v>
      </c>
      <c r="L5" s="4" t="s">
        <v>5</v>
      </c>
      <c r="M5" s="4" t="s">
        <v>6</v>
      </c>
      <c r="N5" s="4" t="s">
        <v>7</v>
      </c>
      <c r="O5" s="4" t="s">
        <v>8</v>
      </c>
      <c r="P5" s="5" t="s">
        <v>9</v>
      </c>
      <c r="Q5" s="4" t="s">
        <v>10</v>
      </c>
      <c r="R5" s="5" t="s">
        <v>11</v>
      </c>
      <c r="S5" s="5" t="s">
        <v>12</v>
      </c>
    </row>
    <row r="6" spans="1:19" ht="18.75" customHeight="1">
      <c r="A6" s="80">
        <v>1</v>
      </c>
      <c r="B6" s="80" t="s">
        <v>13</v>
      </c>
      <c r="C6" s="80" t="s">
        <v>14</v>
      </c>
      <c r="D6" s="80" t="s">
        <v>15</v>
      </c>
      <c r="E6" s="90" t="s">
        <v>16</v>
      </c>
      <c r="F6" s="73">
        <v>0.58680555555555602</v>
      </c>
      <c r="G6" s="62" t="s">
        <v>17</v>
      </c>
      <c r="H6" s="9">
        <v>0.56597222222222199</v>
      </c>
      <c r="I6" s="9">
        <v>0.57291666666666696</v>
      </c>
      <c r="K6" s="80">
        <v>1</v>
      </c>
      <c r="L6" s="80" t="s">
        <v>13</v>
      </c>
      <c r="M6" s="80" t="s">
        <v>14</v>
      </c>
      <c r="N6" s="80" t="s">
        <v>15</v>
      </c>
      <c r="O6" s="90" t="s">
        <v>16</v>
      </c>
      <c r="P6" s="73">
        <v>0.58680555555555602</v>
      </c>
      <c r="Q6" s="62" t="s">
        <v>17</v>
      </c>
      <c r="R6" s="9">
        <v>0.56597222222222199</v>
      </c>
      <c r="S6" s="9">
        <v>0.57291666666666696</v>
      </c>
    </row>
    <row r="7" spans="1:19" ht="18.75" customHeight="1">
      <c r="A7" s="81"/>
      <c r="B7" s="81"/>
      <c r="C7" s="81"/>
      <c r="D7" s="81"/>
      <c r="E7" s="81"/>
      <c r="F7" s="74"/>
      <c r="G7" s="62" t="s">
        <v>18</v>
      </c>
      <c r="H7" s="9">
        <v>0.57291666666666696</v>
      </c>
      <c r="I7" s="9">
        <v>0.57986111111111105</v>
      </c>
      <c r="K7" s="81"/>
      <c r="L7" s="81"/>
      <c r="M7" s="81"/>
      <c r="N7" s="81"/>
      <c r="O7" s="81"/>
      <c r="P7" s="74"/>
      <c r="Q7" s="62" t="s">
        <v>18</v>
      </c>
      <c r="R7" s="9">
        <v>0.57291666666666696</v>
      </c>
      <c r="S7" s="9">
        <v>0.57986111111111105</v>
      </c>
    </row>
    <row r="8" spans="1:19" ht="18.75" customHeight="1">
      <c r="A8" s="82"/>
      <c r="B8" s="82"/>
      <c r="C8" s="82"/>
      <c r="D8" s="82"/>
      <c r="E8" s="82"/>
      <c r="F8" s="75"/>
      <c r="G8" s="8">
        <v>5</v>
      </c>
      <c r="H8" s="9">
        <v>0.57986111111111105</v>
      </c>
      <c r="I8" s="9">
        <v>0.58680555555555602</v>
      </c>
      <c r="K8" s="82"/>
      <c r="L8" s="82"/>
      <c r="M8" s="82"/>
      <c r="N8" s="82"/>
      <c r="O8" s="82"/>
      <c r="P8" s="75"/>
      <c r="Q8" s="8">
        <v>5</v>
      </c>
      <c r="R8" s="9">
        <v>0.57986111111111105</v>
      </c>
      <c r="S8" s="9">
        <v>0.58680555555555602</v>
      </c>
    </row>
    <row r="9" spans="1:19" ht="18.75" customHeight="1">
      <c r="A9" s="80">
        <v>2</v>
      </c>
      <c r="B9" s="80" t="s">
        <v>19</v>
      </c>
      <c r="C9" s="80" t="s">
        <v>14</v>
      </c>
      <c r="D9" s="80" t="s">
        <v>15</v>
      </c>
      <c r="E9" s="90" t="s">
        <v>16</v>
      </c>
      <c r="F9" s="73">
        <v>0.60763888888888895</v>
      </c>
      <c r="G9" s="62" t="s">
        <v>17</v>
      </c>
      <c r="H9" s="9">
        <v>0.58680555555555602</v>
      </c>
      <c r="I9" s="9">
        <v>0.59375</v>
      </c>
      <c r="K9" s="80">
        <v>2</v>
      </c>
      <c r="L9" s="80" t="s">
        <v>19</v>
      </c>
      <c r="M9" s="80" t="s">
        <v>14</v>
      </c>
      <c r="N9" s="80" t="s">
        <v>15</v>
      </c>
      <c r="O9" s="90" t="s">
        <v>16</v>
      </c>
      <c r="P9" s="73">
        <v>0.60763888888888895</v>
      </c>
      <c r="Q9" s="62" t="s">
        <v>17</v>
      </c>
      <c r="R9" s="9">
        <v>0.58680555555555602</v>
      </c>
      <c r="S9" s="9">
        <v>0.59375</v>
      </c>
    </row>
    <row r="10" spans="1:19" ht="18.75" customHeight="1">
      <c r="A10" s="81"/>
      <c r="B10" s="81"/>
      <c r="C10" s="81"/>
      <c r="D10" s="81"/>
      <c r="E10" s="81"/>
      <c r="F10" s="74"/>
      <c r="G10" s="62" t="s">
        <v>18</v>
      </c>
      <c r="H10" s="9">
        <v>0.59375</v>
      </c>
      <c r="I10" s="9">
        <v>0.60069444444444398</v>
      </c>
      <c r="K10" s="81"/>
      <c r="L10" s="81"/>
      <c r="M10" s="81"/>
      <c r="N10" s="81"/>
      <c r="O10" s="81"/>
      <c r="P10" s="74"/>
      <c r="Q10" s="62" t="s">
        <v>18</v>
      </c>
      <c r="R10" s="9">
        <v>0.59375</v>
      </c>
      <c r="S10" s="9">
        <v>0.60069444444444398</v>
      </c>
    </row>
    <row r="11" spans="1:19" ht="18.75" customHeight="1">
      <c r="A11" s="82"/>
      <c r="B11" s="82"/>
      <c r="C11" s="82"/>
      <c r="D11" s="82"/>
      <c r="E11" s="82"/>
      <c r="F11" s="75"/>
      <c r="G11" s="8">
        <v>5</v>
      </c>
      <c r="H11" s="9">
        <v>0.60069444444444398</v>
      </c>
      <c r="I11" s="9">
        <v>0.60763888888888895</v>
      </c>
      <c r="K11" s="82"/>
      <c r="L11" s="82"/>
      <c r="M11" s="82"/>
      <c r="N11" s="82"/>
      <c r="O11" s="82"/>
      <c r="P11" s="75"/>
      <c r="Q11" s="8">
        <v>5</v>
      </c>
      <c r="R11" s="9">
        <v>0.60069444444444398</v>
      </c>
      <c r="S11" s="9">
        <v>0.60763888888888895</v>
      </c>
    </row>
    <row r="12" spans="1:19" ht="18.75" customHeight="1">
      <c r="A12" s="80">
        <v>3</v>
      </c>
      <c r="B12" s="80" t="s">
        <v>13</v>
      </c>
      <c r="C12" s="80" t="s">
        <v>20</v>
      </c>
      <c r="D12" s="80" t="s">
        <v>15</v>
      </c>
      <c r="E12" s="90" t="s">
        <v>21</v>
      </c>
      <c r="F12" s="73">
        <v>0.62847222222222199</v>
      </c>
      <c r="G12" s="8">
        <v>1</v>
      </c>
      <c r="H12" s="9">
        <v>0.60763888888888895</v>
      </c>
      <c r="I12" s="9">
        <v>0.61458333333333304</v>
      </c>
      <c r="K12" s="80">
        <v>3</v>
      </c>
      <c r="L12" s="80" t="s">
        <v>13</v>
      </c>
      <c r="M12" s="80" t="s">
        <v>20</v>
      </c>
      <c r="N12" s="80" t="s">
        <v>15</v>
      </c>
      <c r="O12" s="90" t="s">
        <v>21</v>
      </c>
      <c r="P12" s="73">
        <v>0.62847222222222199</v>
      </c>
      <c r="Q12" s="8">
        <v>1</v>
      </c>
      <c r="R12" s="9">
        <v>0.60763888888888895</v>
      </c>
      <c r="S12" s="9">
        <v>0.61458333333333304</v>
      </c>
    </row>
    <row r="13" spans="1:19" ht="18.75" customHeight="1">
      <c r="A13" s="82"/>
      <c r="B13" s="82"/>
      <c r="C13" s="82"/>
      <c r="D13" s="82"/>
      <c r="E13" s="82"/>
      <c r="F13" s="75"/>
      <c r="G13" s="8">
        <v>2</v>
      </c>
      <c r="H13" s="9">
        <v>0.61458333333333304</v>
      </c>
      <c r="I13" s="9">
        <v>0.62152777777777801</v>
      </c>
      <c r="K13" s="82"/>
      <c r="L13" s="82"/>
      <c r="M13" s="82"/>
      <c r="N13" s="82"/>
      <c r="O13" s="82"/>
      <c r="P13" s="75"/>
      <c r="Q13" s="8">
        <v>2</v>
      </c>
      <c r="R13" s="9">
        <v>0.61458333333333304</v>
      </c>
      <c r="S13" s="9">
        <v>0.62152777777777801</v>
      </c>
    </row>
    <row r="14" spans="1:19" ht="18.75" customHeight="1">
      <c r="A14" s="80">
        <v>4</v>
      </c>
      <c r="B14" s="80" t="s">
        <v>19</v>
      </c>
      <c r="C14" s="80" t="s">
        <v>20</v>
      </c>
      <c r="D14" s="80" t="s">
        <v>15</v>
      </c>
      <c r="E14" s="90" t="s">
        <v>21</v>
      </c>
      <c r="F14" s="73">
        <v>0.64236111111111105</v>
      </c>
      <c r="G14" s="8">
        <v>1</v>
      </c>
      <c r="H14" s="9">
        <v>0.62152777777777801</v>
      </c>
      <c r="I14" s="9">
        <v>0.62847222222222199</v>
      </c>
      <c r="K14" s="80">
        <v>4</v>
      </c>
      <c r="L14" s="80" t="s">
        <v>19</v>
      </c>
      <c r="M14" s="80" t="s">
        <v>20</v>
      </c>
      <c r="N14" s="80" t="s">
        <v>15</v>
      </c>
      <c r="O14" s="90" t="s">
        <v>21</v>
      </c>
      <c r="P14" s="73">
        <v>0.64236111111111105</v>
      </c>
      <c r="Q14" s="8">
        <v>1</v>
      </c>
      <c r="R14" s="9">
        <v>0.62152777777777801</v>
      </c>
      <c r="S14" s="9">
        <v>0.62847222222222199</v>
      </c>
    </row>
    <row r="15" spans="1:19" ht="18.75" customHeight="1">
      <c r="A15" s="82"/>
      <c r="B15" s="82"/>
      <c r="C15" s="82"/>
      <c r="D15" s="82"/>
      <c r="E15" s="82"/>
      <c r="F15" s="75"/>
      <c r="G15" s="8">
        <v>2</v>
      </c>
      <c r="H15" s="9">
        <v>0.62847222222222199</v>
      </c>
      <c r="I15" s="9">
        <v>0.63541666666666696</v>
      </c>
      <c r="K15" s="82"/>
      <c r="L15" s="82"/>
      <c r="M15" s="82"/>
      <c r="N15" s="82"/>
      <c r="O15" s="82"/>
      <c r="P15" s="75"/>
      <c r="Q15" s="8">
        <v>2</v>
      </c>
      <c r="R15" s="9">
        <v>0.62847222222222199</v>
      </c>
      <c r="S15" s="9">
        <v>0.63541666666666696</v>
      </c>
    </row>
    <row r="16" spans="1:19" ht="18.75" customHeight="1">
      <c r="A16" s="80">
        <v>5</v>
      </c>
      <c r="B16" s="80" t="s">
        <v>13</v>
      </c>
      <c r="C16" s="80" t="s">
        <v>22</v>
      </c>
      <c r="D16" s="80" t="s">
        <v>15</v>
      </c>
      <c r="E16" s="90" t="s">
        <v>16</v>
      </c>
      <c r="F16" s="73">
        <v>0.65972222222222199</v>
      </c>
      <c r="G16" s="62" t="s">
        <v>17</v>
      </c>
      <c r="H16" s="9">
        <v>0.63888888888888895</v>
      </c>
      <c r="I16" s="9">
        <v>0.64583333333333304</v>
      </c>
      <c r="K16" s="80">
        <v>5</v>
      </c>
      <c r="L16" s="80" t="s">
        <v>13</v>
      </c>
      <c r="M16" s="80" t="s">
        <v>22</v>
      </c>
      <c r="N16" s="80" t="s">
        <v>15</v>
      </c>
      <c r="O16" s="90" t="s">
        <v>16</v>
      </c>
      <c r="P16" s="73">
        <v>0.65972222222222199</v>
      </c>
      <c r="Q16" s="62" t="s">
        <v>17</v>
      </c>
      <c r="R16" s="9">
        <v>0.63888888888888895</v>
      </c>
      <c r="S16" s="9">
        <v>0.64583333333333304</v>
      </c>
    </row>
    <row r="17" spans="1:20" ht="18.75" customHeight="1">
      <c r="A17" s="81"/>
      <c r="B17" s="81"/>
      <c r="C17" s="81"/>
      <c r="D17" s="81"/>
      <c r="E17" s="81"/>
      <c r="F17" s="74"/>
      <c r="G17" s="62" t="s">
        <v>18</v>
      </c>
      <c r="H17" s="9">
        <v>0.64583333333333304</v>
      </c>
      <c r="I17" s="9">
        <v>0.65277777777777801</v>
      </c>
      <c r="K17" s="81"/>
      <c r="L17" s="81"/>
      <c r="M17" s="81"/>
      <c r="N17" s="81"/>
      <c r="O17" s="81"/>
      <c r="P17" s="74"/>
      <c r="Q17" s="62" t="s">
        <v>18</v>
      </c>
      <c r="R17" s="9">
        <v>0.64583333333333304</v>
      </c>
      <c r="S17" s="9">
        <v>0.65277777777777801</v>
      </c>
    </row>
    <row r="18" spans="1:20" ht="18.75" customHeight="1">
      <c r="A18" s="82"/>
      <c r="B18" s="82"/>
      <c r="C18" s="82"/>
      <c r="D18" s="82"/>
      <c r="E18" s="82"/>
      <c r="F18" s="75"/>
      <c r="G18" s="8">
        <v>5</v>
      </c>
      <c r="H18" s="9">
        <v>0.65277777777777801</v>
      </c>
      <c r="I18" s="9">
        <v>0.65972222222222199</v>
      </c>
      <c r="K18" s="82"/>
      <c r="L18" s="82"/>
      <c r="M18" s="82"/>
      <c r="N18" s="82"/>
      <c r="O18" s="82"/>
      <c r="P18" s="75"/>
      <c r="Q18" s="8">
        <v>5</v>
      </c>
      <c r="R18" s="9">
        <v>0.65277777777777801</v>
      </c>
      <c r="S18" s="9">
        <v>0.65972222222222199</v>
      </c>
    </row>
    <row r="19" spans="1:20" ht="18.75" customHeight="1">
      <c r="A19" s="83">
        <v>6</v>
      </c>
      <c r="B19" s="83" t="s">
        <v>19</v>
      </c>
      <c r="C19" s="83" t="s">
        <v>22</v>
      </c>
      <c r="D19" s="83" t="s">
        <v>15</v>
      </c>
      <c r="E19" s="91" t="s">
        <v>16</v>
      </c>
      <c r="F19" s="73">
        <v>0.68055555555555602</v>
      </c>
      <c r="G19" s="62" t="s">
        <v>17</v>
      </c>
      <c r="H19" s="9">
        <v>0.65972222222222199</v>
      </c>
      <c r="I19" s="9">
        <v>0.66666666666666696</v>
      </c>
      <c r="K19" s="83">
        <v>6</v>
      </c>
      <c r="L19" s="83" t="s">
        <v>19</v>
      </c>
      <c r="M19" s="83" t="s">
        <v>22</v>
      </c>
      <c r="N19" s="83" t="s">
        <v>15</v>
      </c>
      <c r="O19" s="91" t="s">
        <v>16</v>
      </c>
      <c r="P19" s="73">
        <v>0.68055555555555602</v>
      </c>
      <c r="Q19" s="62" t="s">
        <v>17</v>
      </c>
      <c r="R19" s="9">
        <v>0.65972222222222199</v>
      </c>
      <c r="S19" s="9">
        <v>0.66666666666666696</v>
      </c>
    </row>
    <row r="20" spans="1:20" ht="18.75" customHeight="1">
      <c r="A20" s="83"/>
      <c r="B20" s="83"/>
      <c r="C20" s="83"/>
      <c r="D20" s="83"/>
      <c r="E20" s="83"/>
      <c r="F20" s="74"/>
      <c r="G20" s="62" t="s">
        <v>18</v>
      </c>
      <c r="H20" s="9">
        <v>0.66666666666666696</v>
      </c>
      <c r="I20" s="9">
        <v>0.67361111111111105</v>
      </c>
      <c r="K20" s="83"/>
      <c r="L20" s="83"/>
      <c r="M20" s="83"/>
      <c r="N20" s="83"/>
      <c r="O20" s="83"/>
      <c r="P20" s="74"/>
      <c r="Q20" s="62" t="s">
        <v>18</v>
      </c>
      <c r="R20" s="9">
        <v>0.66666666666666696</v>
      </c>
      <c r="S20" s="9">
        <v>0.67361111111111105</v>
      </c>
    </row>
    <row r="21" spans="1:20" ht="18.75" customHeight="1">
      <c r="A21" s="83"/>
      <c r="B21" s="83"/>
      <c r="C21" s="83"/>
      <c r="D21" s="83"/>
      <c r="E21" s="83"/>
      <c r="F21" s="75"/>
      <c r="G21" s="8">
        <v>5</v>
      </c>
      <c r="H21" s="9">
        <v>0.67361111111111105</v>
      </c>
      <c r="I21" s="9">
        <v>0.68055555555555503</v>
      </c>
      <c r="K21" s="83"/>
      <c r="L21" s="83"/>
      <c r="M21" s="83"/>
      <c r="N21" s="83"/>
      <c r="O21" s="83"/>
      <c r="P21" s="75"/>
      <c r="Q21" s="8">
        <v>5</v>
      </c>
      <c r="R21" s="9">
        <v>0.67361111111111105</v>
      </c>
      <c r="S21" s="9">
        <v>0.68055555555555503</v>
      </c>
    </row>
    <row r="22" spans="1:20" ht="18.75" customHeight="1">
      <c r="A22" s="10"/>
      <c r="B22" s="10"/>
      <c r="C22" s="10"/>
      <c r="D22" s="10"/>
      <c r="E22" s="10"/>
      <c r="F22" s="11"/>
      <c r="G22" s="10"/>
      <c r="H22" s="11"/>
      <c r="I22" s="11"/>
      <c r="K22" s="52">
        <v>7</v>
      </c>
      <c r="L22" s="52" t="s">
        <v>19</v>
      </c>
      <c r="M22" s="52" t="s">
        <v>23</v>
      </c>
      <c r="N22" s="52" t="s">
        <v>24</v>
      </c>
      <c r="O22" s="52"/>
      <c r="P22" s="54">
        <v>0.70833333333333304</v>
      </c>
      <c r="Q22" s="56">
        <v>1</v>
      </c>
      <c r="R22" s="54">
        <v>0.6875</v>
      </c>
      <c r="S22" s="54">
        <v>0.69444444444444398</v>
      </c>
      <c r="T22" s="1" t="s">
        <v>79</v>
      </c>
    </row>
    <row r="23" spans="1:20" ht="18.75" customHeight="1">
      <c r="A23" s="10"/>
      <c r="B23" s="10"/>
      <c r="C23" s="10"/>
      <c r="D23" s="10"/>
      <c r="E23" s="10"/>
      <c r="F23" s="11"/>
      <c r="G23" s="10"/>
      <c r="H23" s="11"/>
      <c r="I23" s="11"/>
      <c r="K23" s="10"/>
      <c r="L23" s="10"/>
      <c r="M23" s="10"/>
      <c r="N23" s="10"/>
      <c r="O23" s="10"/>
      <c r="P23" s="11"/>
      <c r="Q23" s="10"/>
      <c r="R23" s="50" t="s">
        <v>80</v>
      </c>
      <c r="S23" s="11"/>
    </row>
    <row r="24" spans="1:20" ht="18.75" customHeight="1">
      <c r="A24" s="1" t="s">
        <v>25</v>
      </c>
      <c r="F24" s="2"/>
      <c r="G24" s="1"/>
      <c r="K24" s="1" t="s">
        <v>25</v>
      </c>
      <c r="P24" s="2"/>
      <c r="Q24" s="1"/>
    </row>
    <row r="25" spans="1:20" ht="18.75" customHeight="1">
      <c r="A25" s="4" t="s">
        <v>4</v>
      </c>
      <c r="B25" s="4" t="s">
        <v>5</v>
      </c>
      <c r="C25" s="4" t="s">
        <v>6</v>
      </c>
      <c r="D25" s="4" t="s">
        <v>7</v>
      </c>
      <c r="E25" s="4" t="s">
        <v>26</v>
      </c>
      <c r="F25" s="5" t="s">
        <v>9</v>
      </c>
      <c r="G25" s="4" t="s">
        <v>10</v>
      </c>
      <c r="H25" s="5" t="s">
        <v>11</v>
      </c>
      <c r="I25" s="5" t="s">
        <v>12</v>
      </c>
      <c r="K25" s="4" t="s">
        <v>4</v>
      </c>
      <c r="L25" s="4" t="s">
        <v>5</v>
      </c>
      <c r="M25" s="4" t="s">
        <v>6</v>
      </c>
      <c r="N25" s="4" t="s">
        <v>7</v>
      </c>
      <c r="O25" s="4" t="s">
        <v>26</v>
      </c>
      <c r="P25" s="5" t="s">
        <v>9</v>
      </c>
      <c r="Q25" s="4" t="s">
        <v>10</v>
      </c>
      <c r="R25" s="5" t="s">
        <v>11</v>
      </c>
      <c r="S25" s="5" t="s">
        <v>12</v>
      </c>
    </row>
    <row r="26" spans="1:20" ht="18.75" customHeight="1">
      <c r="A26" s="8">
        <v>1</v>
      </c>
      <c r="B26" s="8" t="s">
        <v>13</v>
      </c>
      <c r="C26" s="8" t="s">
        <v>27</v>
      </c>
      <c r="D26" s="8" t="s">
        <v>24</v>
      </c>
      <c r="E26" s="8" t="s">
        <v>28</v>
      </c>
      <c r="F26" s="9">
        <v>0.58333333333333304</v>
      </c>
      <c r="G26" s="8">
        <v>1</v>
      </c>
      <c r="H26" s="9">
        <v>0.52777777777777801</v>
      </c>
      <c r="I26" s="9">
        <v>0.53472222222222199</v>
      </c>
      <c r="K26" s="8">
        <v>1</v>
      </c>
      <c r="L26" s="8" t="s">
        <v>13</v>
      </c>
      <c r="M26" s="8" t="s">
        <v>27</v>
      </c>
      <c r="N26" s="8" t="s">
        <v>24</v>
      </c>
      <c r="O26" s="8" t="s">
        <v>28</v>
      </c>
      <c r="P26" s="9">
        <v>0.58333333333333304</v>
      </c>
      <c r="Q26" s="8">
        <v>1</v>
      </c>
      <c r="R26" s="9">
        <v>0.52777777777777801</v>
      </c>
      <c r="S26" s="9">
        <v>0.53472222222222199</v>
      </c>
    </row>
    <row r="27" spans="1:20" ht="18.75" customHeight="1">
      <c r="A27" s="8">
        <v>2</v>
      </c>
      <c r="B27" s="8" t="s">
        <v>19</v>
      </c>
      <c r="C27" s="8" t="s">
        <v>29</v>
      </c>
      <c r="D27" s="8" t="s">
        <v>24</v>
      </c>
      <c r="E27" s="4" t="s">
        <v>49</v>
      </c>
      <c r="F27" s="9">
        <v>0.59375</v>
      </c>
      <c r="G27" s="8">
        <v>1</v>
      </c>
      <c r="H27" s="9">
        <v>0.55902777777777801</v>
      </c>
      <c r="I27" s="9">
        <v>0.56597222222222199</v>
      </c>
      <c r="K27" s="52">
        <v>2</v>
      </c>
      <c r="L27" s="52" t="s">
        <v>19</v>
      </c>
      <c r="M27" s="52" t="s">
        <v>29</v>
      </c>
      <c r="N27" s="52" t="s">
        <v>24</v>
      </c>
      <c r="O27" s="55" t="s">
        <v>30</v>
      </c>
      <c r="P27" s="53">
        <v>0.64583333333333304</v>
      </c>
      <c r="Q27" s="52">
        <v>1</v>
      </c>
      <c r="R27" s="53">
        <v>0.61111111111111105</v>
      </c>
      <c r="S27" s="53">
        <v>0.61805555555555602</v>
      </c>
      <c r="T27" s="1" t="s">
        <v>81</v>
      </c>
    </row>
    <row r="28" spans="1:20" ht="18.75" customHeight="1">
      <c r="A28" s="10"/>
      <c r="B28" s="10"/>
      <c r="C28" s="10"/>
      <c r="D28" s="10"/>
      <c r="E28" s="12"/>
      <c r="F28" s="11"/>
      <c r="G28" s="10"/>
      <c r="H28" s="11"/>
      <c r="I28" s="11"/>
      <c r="K28" s="10"/>
      <c r="L28" s="10"/>
      <c r="M28" s="10"/>
      <c r="N28" s="10"/>
      <c r="O28" s="12"/>
      <c r="P28" s="11"/>
      <c r="Q28" s="10"/>
      <c r="R28" s="11"/>
      <c r="S28" s="11"/>
    </row>
    <row r="29" spans="1:20" ht="18.75" customHeight="1">
      <c r="A29" s="1" t="s">
        <v>31</v>
      </c>
      <c r="B29" s="13"/>
      <c r="C29" s="13"/>
      <c r="D29" s="13"/>
      <c r="E29" s="14"/>
      <c r="F29" s="15"/>
      <c r="G29" s="13"/>
      <c r="H29" s="15"/>
      <c r="I29" s="15"/>
      <c r="K29" s="1" t="s">
        <v>31</v>
      </c>
      <c r="L29" s="13"/>
      <c r="M29" s="13"/>
      <c r="N29" s="13"/>
      <c r="O29" s="14"/>
      <c r="P29" s="15"/>
      <c r="Q29" s="13"/>
      <c r="R29" s="15"/>
      <c r="S29" s="15"/>
    </row>
    <row r="30" spans="1:20" ht="18.75" customHeight="1">
      <c r="A30" s="8">
        <v>1</v>
      </c>
      <c r="B30" s="8" t="s">
        <v>19</v>
      </c>
      <c r="C30" s="8" t="s">
        <v>32</v>
      </c>
      <c r="D30" s="8" t="s">
        <v>24</v>
      </c>
      <c r="E30" s="4" t="s">
        <v>33</v>
      </c>
      <c r="F30" s="9">
        <v>0.59027777777777801</v>
      </c>
      <c r="G30" s="8">
        <v>1</v>
      </c>
      <c r="H30" s="9">
        <v>0.55555555555555602</v>
      </c>
      <c r="I30" s="9">
        <v>0.5625</v>
      </c>
      <c r="K30" s="8">
        <v>1</v>
      </c>
      <c r="L30" s="8" t="s">
        <v>19</v>
      </c>
      <c r="M30" s="8" t="s">
        <v>32</v>
      </c>
      <c r="N30" s="8" t="s">
        <v>24</v>
      </c>
      <c r="O30" s="4" t="s">
        <v>33</v>
      </c>
      <c r="P30" s="9">
        <v>0.59027777777777801</v>
      </c>
      <c r="Q30" s="8">
        <v>1</v>
      </c>
      <c r="R30" s="9">
        <v>0.55555555555555602</v>
      </c>
      <c r="S30" s="9">
        <v>0.5625</v>
      </c>
    </row>
    <row r="31" spans="1:20" ht="18.75" customHeight="1">
      <c r="A31" s="8">
        <v>2</v>
      </c>
      <c r="B31" s="8" t="s">
        <v>13</v>
      </c>
      <c r="C31" s="8" t="s">
        <v>34</v>
      </c>
      <c r="D31" s="8" t="s">
        <v>24</v>
      </c>
      <c r="E31" s="4" t="s">
        <v>35</v>
      </c>
      <c r="F31" s="9">
        <v>0.60763888888888895</v>
      </c>
      <c r="G31" s="8">
        <v>1</v>
      </c>
      <c r="H31" s="9">
        <v>0.57291666666666696</v>
      </c>
      <c r="I31" s="9">
        <v>0.57986111111111105</v>
      </c>
      <c r="K31" s="8">
        <v>2</v>
      </c>
      <c r="L31" s="8" t="s">
        <v>13</v>
      </c>
      <c r="M31" s="8" t="s">
        <v>34</v>
      </c>
      <c r="N31" s="8" t="s">
        <v>24</v>
      </c>
      <c r="O31" s="4" t="s">
        <v>35</v>
      </c>
      <c r="P31" s="9">
        <v>0.60763888888888895</v>
      </c>
      <c r="Q31" s="8">
        <v>1</v>
      </c>
      <c r="R31" s="9">
        <v>0.57291666666666696</v>
      </c>
      <c r="S31" s="9">
        <v>0.57986111111111105</v>
      </c>
    </row>
    <row r="32" spans="1:20" ht="15" customHeight="1">
      <c r="A32" s="16"/>
      <c r="B32" s="10"/>
      <c r="C32" s="10"/>
      <c r="D32" s="10"/>
      <c r="E32" s="10"/>
      <c r="F32" s="10"/>
      <c r="G32" s="11"/>
      <c r="H32" s="11"/>
      <c r="I32" s="11"/>
      <c r="K32" s="16"/>
      <c r="L32" s="10"/>
      <c r="M32" s="10"/>
      <c r="N32" s="10"/>
      <c r="O32" s="10"/>
      <c r="P32" s="10"/>
      <c r="Q32" s="11"/>
      <c r="R32" s="11"/>
      <c r="S32" s="11"/>
    </row>
    <row r="33" spans="1:19" ht="27" customHeight="1">
      <c r="A33" s="92" t="s">
        <v>82</v>
      </c>
      <c r="B33" s="92"/>
      <c r="C33" s="92"/>
      <c r="D33" s="92"/>
      <c r="E33" s="92"/>
      <c r="F33" s="92"/>
      <c r="G33" s="92"/>
      <c r="H33" s="92"/>
      <c r="I33" s="92"/>
      <c r="K33" s="92" t="s">
        <v>36</v>
      </c>
      <c r="L33" s="92"/>
      <c r="M33" s="92"/>
      <c r="N33" s="92"/>
      <c r="O33" s="92"/>
      <c r="P33" s="92"/>
      <c r="Q33" s="92"/>
      <c r="R33" s="92"/>
      <c r="S33" s="92"/>
    </row>
    <row r="34" spans="1:19" ht="15" customHeight="1">
      <c r="A34" s="1" t="s">
        <v>3</v>
      </c>
      <c r="C34" s="3"/>
      <c r="D34" s="3"/>
      <c r="E34" s="3"/>
      <c r="F34" s="3"/>
      <c r="G34" s="3"/>
      <c r="H34" s="3"/>
      <c r="I34" s="3"/>
      <c r="K34" s="1" t="s">
        <v>3</v>
      </c>
      <c r="M34" s="3"/>
      <c r="N34" s="3"/>
      <c r="O34" s="3"/>
      <c r="P34" s="3"/>
      <c r="Q34" s="3"/>
      <c r="R34" s="3"/>
      <c r="S34" s="3"/>
    </row>
    <row r="35" spans="1:19" ht="18.75" customHeight="1">
      <c r="A35" s="4" t="s">
        <v>4</v>
      </c>
      <c r="B35" s="4" t="s">
        <v>5</v>
      </c>
      <c r="C35" s="4" t="s">
        <v>6</v>
      </c>
      <c r="D35" s="4" t="s">
        <v>7</v>
      </c>
      <c r="E35" s="4" t="s">
        <v>8</v>
      </c>
      <c r="F35" s="5" t="s">
        <v>9</v>
      </c>
      <c r="G35" s="4" t="s">
        <v>10</v>
      </c>
      <c r="H35" s="5" t="s">
        <v>11</v>
      </c>
      <c r="I35" s="5" t="s">
        <v>12</v>
      </c>
      <c r="K35" s="4" t="s">
        <v>4</v>
      </c>
      <c r="L35" s="4" t="s">
        <v>5</v>
      </c>
      <c r="M35" s="4" t="s">
        <v>6</v>
      </c>
      <c r="N35" s="4" t="s">
        <v>7</v>
      </c>
      <c r="O35" s="4" t="s">
        <v>8</v>
      </c>
      <c r="P35" s="5" t="s">
        <v>9</v>
      </c>
      <c r="Q35" s="4" t="s">
        <v>10</v>
      </c>
      <c r="R35" s="5" t="s">
        <v>11</v>
      </c>
      <c r="S35" s="5" t="s">
        <v>12</v>
      </c>
    </row>
    <row r="36" spans="1:19" ht="18.75" customHeight="1">
      <c r="A36" s="80">
        <v>1</v>
      </c>
      <c r="B36" s="80" t="s">
        <v>19</v>
      </c>
      <c r="C36" s="80" t="s">
        <v>37</v>
      </c>
      <c r="D36" s="80" t="s">
        <v>38</v>
      </c>
      <c r="E36" s="80" t="s">
        <v>39</v>
      </c>
      <c r="F36" s="73">
        <v>0.38888888888888901</v>
      </c>
      <c r="G36" s="8" t="s">
        <v>17</v>
      </c>
      <c r="H36" s="9">
        <v>0.36805555555555602</v>
      </c>
      <c r="I36" s="9">
        <v>0.375</v>
      </c>
      <c r="K36" s="80">
        <v>1</v>
      </c>
      <c r="L36" s="80" t="s">
        <v>19</v>
      </c>
      <c r="M36" s="80" t="s">
        <v>37</v>
      </c>
      <c r="N36" s="80" t="s">
        <v>38</v>
      </c>
      <c r="O36" s="80" t="s">
        <v>39</v>
      </c>
      <c r="P36" s="73">
        <v>0.38888888888888901</v>
      </c>
      <c r="Q36" s="8" t="s">
        <v>17</v>
      </c>
      <c r="R36" s="9">
        <v>0.36805555555555602</v>
      </c>
      <c r="S36" s="9">
        <v>0.375</v>
      </c>
    </row>
    <row r="37" spans="1:19" ht="18.75" customHeight="1">
      <c r="A37" s="82"/>
      <c r="B37" s="82"/>
      <c r="C37" s="82"/>
      <c r="D37" s="82"/>
      <c r="E37" s="82"/>
      <c r="F37" s="75"/>
      <c r="G37" s="8">
        <v>3</v>
      </c>
      <c r="H37" s="9">
        <v>0.375</v>
      </c>
      <c r="I37" s="9">
        <v>0.38194444444444398</v>
      </c>
      <c r="K37" s="82"/>
      <c r="L37" s="82"/>
      <c r="M37" s="82"/>
      <c r="N37" s="82"/>
      <c r="O37" s="82"/>
      <c r="P37" s="75"/>
      <c r="Q37" s="8">
        <v>3</v>
      </c>
      <c r="R37" s="9">
        <v>0.375</v>
      </c>
      <c r="S37" s="9">
        <v>0.38194444444444398</v>
      </c>
    </row>
    <row r="38" spans="1:19" ht="18.75" customHeight="1">
      <c r="A38" s="6">
        <v>2</v>
      </c>
      <c r="B38" s="6" t="s">
        <v>13</v>
      </c>
      <c r="C38" s="6" t="s">
        <v>14</v>
      </c>
      <c r="D38" s="6" t="s">
        <v>40</v>
      </c>
      <c r="E38" s="6" t="s">
        <v>41</v>
      </c>
      <c r="F38" s="7">
        <v>0.40277777777777801</v>
      </c>
      <c r="G38" s="8" t="s">
        <v>17</v>
      </c>
      <c r="H38" s="9">
        <v>0.38194444444444398</v>
      </c>
      <c r="I38" s="9">
        <v>0.38888888888888901</v>
      </c>
      <c r="K38" s="6">
        <v>2</v>
      </c>
      <c r="L38" s="6" t="s">
        <v>13</v>
      </c>
      <c r="M38" s="6" t="s">
        <v>14</v>
      </c>
      <c r="N38" s="6" t="s">
        <v>40</v>
      </c>
      <c r="O38" s="6" t="s">
        <v>41</v>
      </c>
      <c r="P38" s="7">
        <v>0.40277777777777801</v>
      </c>
      <c r="Q38" s="8" t="s">
        <v>17</v>
      </c>
      <c r="R38" s="9">
        <v>0.38194444444444398</v>
      </c>
      <c r="S38" s="9">
        <v>0.38888888888888901</v>
      </c>
    </row>
    <row r="39" spans="1:19" ht="18.75" customHeight="1">
      <c r="A39" s="6">
        <v>3</v>
      </c>
      <c r="B39" s="6" t="s">
        <v>19</v>
      </c>
      <c r="C39" s="6" t="s">
        <v>14</v>
      </c>
      <c r="D39" s="6" t="s">
        <v>40</v>
      </c>
      <c r="E39" s="6" t="s">
        <v>41</v>
      </c>
      <c r="F39" s="7">
        <v>0.41319444444444398</v>
      </c>
      <c r="G39" s="8" t="s">
        <v>17</v>
      </c>
      <c r="H39" s="9">
        <v>0.39236111111111099</v>
      </c>
      <c r="I39" s="9">
        <v>0.39930555555555602</v>
      </c>
      <c r="K39" s="6">
        <v>3</v>
      </c>
      <c r="L39" s="6" t="s">
        <v>19</v>
      </c>
      <c r="M39" s="6" t="s">
        <v>14</v>
      </c>
      <c r="N39" s="6" t="s">
        <v>40</v>
      </c>
      <c r="O39" s="6" t="s">
        <v>41</v>
      </c>
      <c r="P39" s="7">
        <v>0.41319444444444398</v>
      </c>
      <c r="Q39" s="8" t="s">
        <v>17</v>
      </c>
      <c r="R39" s="9">
        <v>0.39236111111111099</v>
      </c>
      <c r="S39" s="9">
        <v>0.39930555555555602</v>
      </c>
    </row>
    <row r="40" spans="1:19" ht="18.75" customHeight="1">
      <c r="A40" s="80">
        <v>4</v>
      </c>
      <c r="B40" s="80" t="s">
        <v>13</v>
      </c>
      <c r="C40" s="80" t="s">
        <v>42</v>
      </c>
      <c r="D40" s="80" t="s">
        <v>15</v>
      </c>
      <c r="E40" s="80" t="s">
        <v>16</v>
      </c>
      <c r="F40" s="73">
        <v>0.42708333333333298</v>
      </c>
      <c r="G40" s="62" t="s">
        <v>17</v>
      </c>
      <c r="H40" s="9">
        <v>0.40625</v>
      </c>
      <c r="I40" s="9">
        <v>0.41319444444444398</v>
      </c>
      <c r="K40" s="80">
        <v>4</v>
      </c>
      <c r="L40" s="80" t="s">
        <v>13</v>
      </c>
      <c r="M40" s="80" t="s">
        <v>42</v>
      </c>
      <c r="N40" s="80" t="s">
        <v>15</v>
      </c>
      <c r="O40" s="80" t="s">
        <v>16</v>
      </c>
      <c r="P40" s="73">
        <v>0.42708333333333298</v>
      </c>
      <c r="Q40" s="62" t="s">
        <v>17</v>
      </c>
      <c r="R40" s="9">
        <v>0.40625</v>
      </c>
      <c r="S40" s="9">
        <v>0.41319444444444398</v>
      </c>
    </row>
    <row r="41" spans="1:19" ht="18.75" customHeight="1">
      <c r="A41" s="81"/>
      <c r="B41" s="81"/>
      <c r="C41" s="81"/>
      <c r="D41" s="81"/>
      <c r="E41" s="81"/>
      <c r="F41" s="74"/>
      <c r="G41" s="62" t="s">
        <v>18</v>
      </c>
      <c r="H41" s="9">
        <v>0.41319444444444398</v>
      </c>
      <c r="I41" s="9">
        <v>0.42013888888888901</v>
      </c>
      <c r="K41" s="81"/>
      <c r="L41" s="81"/>
      <c r="M41" s="81"/>
      <c r="N41" s="81"/>
      <c r="O41" s="81"/>
      <c r="P41" s="74"/>
      <c r="Q41" s="62" t="s">
        <v>18</v>
      </c>
      <c r="R41" s="9">
        <v>0.41319444444444398</v>
      </c>
      <c r="S41" s="9">
        <v>0.42013888888888901</v>
      </c>
    </row>
    <row r="42" spans="1:19" ht="18.75" customHeight="1">
      <c r="A42" s="82"/>
      <c r="B42" s="82"/>
      <c r="C42" s="82"/>
      <c r="D42" s="82"/>
      <c r="E42" s="82"/>
      <c r="F42" s="75"/>
      <c r="G42" s="8">
        <v>5</v>
      </c>
      <c r="H42" s="9">
        <v>0.42013888888888901</v>
      </c>
      <c r="I42" s="9">
        <v>0.42708333333333298</v>
      </c>
      <c r="K42" s="82"/>
      <c r="L42" s="82"/>
      <c r="M42" s="82"/>
      <c r="N42" s="82"/>
      <c r="O42" s="82"/>
      <c r="P42" s="75"/>
      <c r="Q42" s="8">
        <v>5</v>
      </c>
      <c r="R42" s="9">
        <v>0.42013888888888901</v>
      </c>
      <c r="S42" s="9">
        <v>0.42708333333333298</v>
      </c>
    </row>
    <row r="43" spans="1:19" ht="18.75" customHeight="1">
      <c r="A43" s="80">
        <v>5</v>
      </c>
      <c r="B43" s="80" t="s">
        <v>19</v>
      </c>
      <c r="C43" s="80" t="s">
        <v>43</v>
      </c>
      <c r="D43" s="80" t="s">
        <v>15</v>
      </c>
      <c r="E43" s="80" t="s">
        <v>16</v>
      </c>
      <c r="F43" s="73">
        <v>0.44444444444444398</v>
      </c>
      <c r="G43" s="62" t="s">
        <v>17</v>
      </c>
      <c r="H43" s="9">
        <v>0.42361111111111099</v>
      </c>
      <c r="I43" s="9">
        <v>0.43055555555555602</v>
      </c>
      <c r="K43" s="80">
        <v>5</v>
      </c>
      <c r="L43" s="80" t="s">
        <v>19</v>
      </c>
      <c r="M43" s="80" t="s">
        <v>43</v>
      </c>
      <c r="N43" s="80" t="s">
        <v>15</v>
      </c>
      <c r="O43" s="80" t="s">
        <v>16</v>
      </c>
      <c r="P43" s="73">
        <v>0.44444444444444398</v>
      </c>
      <c r="Q43" s="62" t="s">
        <v>17</v>
      </c>
      <c r="R43" s="9">
        <v>0.42361111111111099</v>
      </c>
      <c r="S43" s="9">
        <v>0.43055555555555602</v>
      </c>
    </row>
    <row r="44" spans="1:19" ht="18.75" customHeight="1">
      <c r="A44" s="81"/>
      <c r="B44" s="81"/>
      <c r="C44" s="81"/>
      <c r="D44" s="81"/>
      <c r="E44" s="81"/>
      <c r="F44" s="74"/>
      <c r="G44" s="62" t="s">
        <v>18</v>
      </c>
      <c r="H44" s="9">
        <v>0.43055555555555602</v>
      </c>
      <c r="I44" s="9">
        <v>0.4375</v>
      </c>
      <c r="K44" s="81"/>
      <c r="L44" s="81"/>
      <c r="M44" s="81"/>
      <c r="N44" s="81"/>
      <c r="O44" s="81"/>
      <c r="P44" s="74"/>
      <c r="Q44" s="62" t="s">
        <v>18</v>
      </c>
      <c r="R44" s="9">
        <v>0.43055555555555602</v>
      </c>
      <c r="S44" s="9">
        <v>0.4375</v>
      </c>
    </row>
    <row r="45" spans="1:19" ht="18.75" customHeight="1">
      <c r="A45" s="82"/>
      <c r="B45" s="82"/>
      <c r="C45" s="82"/>
      <c r="D45" s="82"/>
      <c r="E45" s="82"/>
      <c r="F45" s="75"/>
      <c r="G45" s="8">
        <v>5</v>
      </c>
      <c r="H45" s="9">
        <v>0.4375</v>
      </c>
      <c r="I45" s="9">
        <v>0.44444444444444398</v>
      </c>
      <c r="K45" s="82"/>
      <c r="L45" s="82"/>
      <c r="M45" s="82"/>
      <c r="N45" s="82"/>
      <c r="O45" s="82"/>
      <c r="P45" s="75"/>
      <c r="Q45" s="8">
        <v>5</v>
      </c>
      <c r="R45" s="9">
        <v>0.4375</v>
      </c>
      <c r="S45" s="9">
        <v>0.44444444444444398</v>
      </c>
    </row>
    <row r="46" spans="1:19" ht="18.75" customHeight="1">
      <c r="A46" s="6">
        <v>6</v>
      </c>
      <c r="B46" s="6" t="s">
        <v>13</v>
      </c>
      <c r="C46" s="6" t="s">
        <v>22</v>
      </c>
      <c r="D46" s="6" t="s">
        <v>40</v>
      </c>
      <c r="E46" s="6" t="s">
        <v>41</v>
      </c>
      <c r="F46" s="7">
        <v>0.46527777777777801</v>
      </c>
      <c r="G46" s="62" t="s">
        <v>17</v>
      </c>
      <c r="H46" s="9">
        <v>0.44444444444444398</v>
      </c>
      <c r="I46" s="9">
        <v>0.45138888888888901</v>
      </c>
      <c r="K46" s="6">
        <v>6</v>
      </c>
      <c r="L46" s="6" t="s">
        <v>13</v>
      </c>
      <c r="M46" s="6" t="s">
        <v>22</v>
      </c>
      <c r="N46" s="6" t="s">
        <v>40</v>
      </c>
      <c r="O46" s="6" t="s">
        <v>41</v>
      </c>
      <c r="P46" s="7">
        <v>0.46527777777777801</v>
      </c>
      <c r="Q46" s="62" t="s">
        <v>17</v>
      </c>
      <c r="R46" s="9">
        <v>0.44444444444444398</v>
      </c>
      <c r="S46" s="9">
        <v>0.45138888888888901</v>
      </c>
    </row>
    <row r="47" spans="1:19" ht="18.75" customHeight="1">
      <c r="A47" s="6">
        <v>7</v>
      </c>
      <c r="B47" s="6" t="s">
        <v>19</v>
      </c>
      <c r="C47" s="6" t="s">
        <v>22</v>
      </c>
      <c r="D47" s="6" t="s">
        <v>40</v>
      </c>
      <c r="E47" s="6" t="s">
        <v>41</v>
      </c>
      <c r="F47" s="7">
        <v>0.47222222222222199</v>
      </c>
      <c r="G47" s="62" t="s">
        <v>17</v>
      </c>
      <c r="H47" s="9">
        <v>0.45138888888888901</v>
      </c>
      <c r="I47" s="9">
        <v>0.45833333333333298</v>
      </c>
      <c r="K47" s="6">
        <v>7</v>
      </c>
      <c r="L47" s="6" t="s">
        <v>19</v>
      </c>
      <c r="M47" s="6" t="s">
        <v>22</v>
      </c>
      <c r="N47" s="6" t="s">
        <v>40</v>
      </c>
      <c r="O47" s="6" t="s">
        <v>41</v>
      </c>
      <c r="P47" s="7">
        <v>0.47222222222222199</v>
      </c>
      <c r="Q47" s="62" t="s">
        <v>17</v>
      </c>
      <c r="R47" s="9">
        <v>0.45138888888888901</v>
      </c>
      <c r="S47" s="9">
        <v>0.45833333333333298</v>
      </c>
    </row>
    <row r="48" spans="1:19" ht="18.75" customHeight="1">
      <c r="A48" s="6">
        <v>8</v>
      </c>
      <c r="B48" s="6" t="s">
        <v>13</v>
      </c>
      <c r="C48" s="6" t="s">
        <v>42</v>
      </c>
      <c r="D48" s="6" t="s">
        <v>40</v>
      </c>
      <c r="E48" s="6" t="s">
        <v>41</v>
      </c>
      <c r="F48" s="7">
        <v>0.49305555555555602</v>
      </c>
      <c r="G48" s="62" t="s">
        <v>17</v>
      </c>
      <c r="H48" s="9">
        <v>0.47222222222222199</v>
      </c>
      <c r="I48" s="9">
        <v>0.47916666666666702</v>
      </c>
      <c r="K48" s="6">
        <v>8</v>
      </c>
      <c r="L48" s="6" t="s">
        <v>13</v>
      </c>
      <c r="M48" s="6" t="s">
        <v>42</v>
      </c>
      <c r="N48" s="6" t="s">
        <v>40</v>
      </c>
      <c r="O48" s="6" t="s">
        <v>41</v>
      </c>
      <c r="P48" s="7">
        <v>0.49305555555555602</v>
      </c>
      <c r="Q48" s="62" t="s">
        <v>17</v>
      </c>
      <c r="R48" s="9">
        <v>0.47222222222222199</v>
      </c>
      <c r="S48" s="9">
        <v>0.47916666666666702</v>
      </c>
    </row>
    <row r="49" spans="1:19" ht="18.75" customHeight="1">
      <c r="A49" s="6">
        <v>9</v>
      </c>
      <c r="B49" s="6" t="s">
        <v>19</v>
      </c>
      <c r="C49" s="6" t="s">
        <v>43</v>
      </c>
      <c r="D49" s="6" t="s">
        <v>40</v>
      </c>
      <c r="E49" s="6" t="s">
        <v>41</v>
      </c>
      <c r="F49" s="7">
        <v>0.50694444444444398</v>
      </c>
      <c r="G49" s="62" t="s">
        <v>17</v>
      </c>
      <c r="H49" s="9">
        <v>0.48611111111111099</v>
      </c>
      <c r="I49" s="9">
        <v>0.49305555555555602</v>
      </c>
      <c r="K49" s="6">
        <v>9</v>
      </c>
      <c r="L49" s="6" t="s">
        <v>19</v>
      </c>
      <c r="M49" s="6" t="s">
        <v>43</v>
      </c>
      <c r="N49" s="6" t="s">
        <v>40</v>
      </c>
      <c r="O49" s="6" t="s">
        <v>41</v>
      </c>
      <c r="P49" s="7">
        <v>0.50694444444444398</v>
      </c>
      <c r="Q49" s="62" t="s">
        <v>17</v>
      </c>
      <c r="R49" s="9">
        <v>0.48611111111111099</v>
      </c>
      <c r="S49" s="9">
        <v>0.49305555555555602</v>
      </c>
    </row>
    <row r="50" spans="1:19" ht="18.75" customHeight="1">
      <c r="A50" s="8">
        <v>10</v>
      </c>
      <c r="B50" s="8" t="s">
        <v>13</v>
      </c>
      <c r="C50" s="8" t="s">
        <v>20</v>
      </c>
      <c r="D50" s="8" t="s">
        <v>24</v>
      </c>
      <c r="E50" s="8"/>
      <c r="F50" s="9">
        <v>0.52430555555555602</v>
      </c>
      <c r="G50" s="8">
        <v>1</v>
      </c>
      <c r="H50" s="9">
        <v>0.50347222222222199</v>
      </c>
      <c r="I50" s="9">
        <v>0.51041666666666696</v>
      </c>
      <c r="K50" s="8">
        <v>10</v>
      </c>
      <c r="L50" s="8" t="s">
        <v>13</v>
      </c>
      <c r="M50" s="8" t="s">
        <v>20</v>
      </c>
      <c r="N50" s="8" t="s">
        <v>24</v>
      </c>
      <c r="O50" s="8"/>
      <c r="P50" s="9">
        <v>0.52430555555555602</v>
      </c>
      <c r="Q50" s="8">
        <v>1</v>
      </c>
      <c r="R50" s="9">
        <v>0.50347222222222199</v>
      </c>
      <c r="S50" s="9">
        <v>0.51041666666666696</v>
      </c>
    </row>
    <row r="51" spans="1:19" ht="18.75" customHeight="1">
      <c r="A51" s="8">
        <v>11</v>
      </c>
      <c r="B51" s="8" t="s">
        <v>19</v>
      </c>
      <c r="C51" s="8" t="s">
        <v>20</v>
      </c>
      <c r="D51" s="8" t="s">
        <v>24</v>
      </c>
      <c r="E51" s="8"/>
      <c r="F51" s="9">
        <v>0.53125</v>
      </c>
      <c r="G51" s="8">
        <v>1</v>
      </c>
      <c r="H51" s="9">
        <v>0.51041666666666696</v>
      </c>
      <c r="I51" s="9">
        <v>0.51736111111111105</v>
      </c>
      <c r="K51" s="8">
        <v>11</v>
      </c>
      <c r="L51" s="8" t="s">
        <v>19</v>
      </c>
      <c r="M51" s="8" t="s">
        <v>20</v>
      </c>
      <c r="N51" s="8" t="s">
        <v>24</v>
      </c>
      <c r="O51" s="8"/>
      <c r="P51" s="9">
        <v>0.53125</v>
      </c>
      <c r="Q51" s="8">
        <v>1</v>
      </c>
      <c r="R51" s="9">
        <v>0.51041666666666696</v>
      </c>
      <c r="S51" s="9">
        <v>0.51736111111111105</v>
      </c>
    </row>
    <row r="52" spans="1:19" ht="18.75" customHeight="1">
      <c r="A52" s="8">
        <v>12</v>
      </c>
      <c r="B52" s="8" t="s">
        <v>13</v>
      </c>
      <c r="C52" s="8" t="s">
        <v>22</v>
      </c>
      <c r="D52" s="8" t="s">
        <v>24</v>
      </c>
      <c r="E52" s="8"/>
      <c r="F52" s="9">
        <v>0.54166666666666696</v>
      </c>
      <c r="G52" s="8">
        <v>1</v>
      </c>
      <c r="H52" s="9">
        <v>0.52083333333333304</v>
      </c>
      <c r="I52" s="9">
        <v>0.52777777777777801</v>
      </c>
      <c r="K52" s="8">
        <v>12</v>
      </c>
      <c r="L52" s="8" t="s">
        <v>13</v>
      </c>
      <c r="M52" s="8" t="s">
        <v>22</v>
      </c>
      <c r="N52" s="8" t="s">
        <v>24</v>
      </c>
      <c r="O52" s="8"/>
      <c r="P52" s="9">
        <v>0.54166666666666696</v>
      </c>
      <c r="Q52" s="8">
        <v>1</v>
      </c>
      <c r="R52" s="9">
        <v>0.52083333333333304</v>
      </c>
      <c r="S52" s="9">
        <v>0.52777777777777801</v>
      </c>
    </row>
    <row r="53" spans="1:19" ht="18.75" customHeight="1">
      <c r="A53" s="8">
        <v>13</v>
      </c>
      <c r="B53" s="8" t="s">
        <v>19</v>
      </c>
      <c r="C53" s="8" t="s">
        <v>22</v>
      </c>
      <c r="D53" s="8" t="s">
        <v>24</v>
      </c>
      <c r="E53" s="8"/>
      <c r="F53" s="9">
        <v>0.54861111111111105</v>
      </c>
      <c r="G53" s="8">
        <v>1</v>
      </c>
      <c r="H53" s="9">
        <v>0.52777777777777801</v>
      </c>
      <c r="I53" s="9">
        <v>0.53472222222222199</v>
      </c>
      <c r="K53" s="8">
        <v>13</v>
      </c>
      <c r="L53" s="8" t="s">
        <v>19</v>
      </c>
      <c r="M53" s="8" t="s">
        <v>22</v>
      </c>
      <c r="N53" s="8" t="s">
        <v>24</v>
      </c>
      <c r="O53" s="8"/>
      <c r="P53" s="9">
        <v>0.54861111111111105</v>
      </c>
      <c r="Q53" s="8">
        <v>1</v>
      </c>
      <c r="R53" s="9">
        <v>0.52777777777777801</v>
      </c>
      <c r="S53" s="9">
        <v>0.53472222222222199</v>
      </c>
    </row>
    <row r="54" spans="1:19" ht="18.75" customHeight="1">
      <c r="A54" s="8">
        <v>14</v>
      </c>
      <c r="B54" s="8" t="s">
        <v>13</v>
      </c>
      <c r="C54" s="8" t="s">
        <v>42</v>
      </c>
      <c r="D54" s="8" t="s">
        <v>24</v>
      </c>
      <c r="E54" s="8"/>
      <c r="F54" s="9">
        <v>0.56944444444444398</v>
      </c>
      <c r="G54" s="8">
        <v>1</v>
      </c>
      <c r="H54" s="9">
        <v>0.54861111111111105</v>
      </c>
      <c r="I54" s="9">
        <v>0.55555555555555602</v>
      </c>
      <c r="K54" s="8">
        <v>14</v>
      </c>
      <c r="L54" s="8" t="s">
        <v>13</v>
      </c>
      <c r="M54" s="8" t="s">
        <v>42</v>
      </c>
      <c r="N54" s="8" t="s">
        <v>24</v>
      </c>
      <c r="O54" s="8"/>
      <c r="P54" s="9">
        <v>0.56944444444444398</v>
      </c>
      <c r="Q54" s="8">
        <v>1</v>
      </c>
      <c r="R54" s="9">
        <v>0.54861111111111105</v>
      </c>
      <c r="S54" s="9">
        <v>0.55555555555555602</v>
      </c>
    </row>
    <row r="55" spans="1:19" ht="18.75" customHeight="1">
      <c r="A55" s="8">
        <v>15</v>
      </c>
      <c r="B55" s="8" t="s">
        <v>19</v>
      </c>
      <c r="C55" s="8" t="s">
        <v>43</v>
      </c>
      <c r="D55" s="8" t="s">
        <v>24</v>
      </c>
      <c r="E55" s="8"/>
      <c r="F55" s="9">
        <v>0.57638888888888895</v>
      </c>
      <c r="G55" s="8">
        <v>1</v>
      </c>
      <c r="H55" s="9">
        <v>0.55555555555555602</v>
      </c>
      <c r="I55" s="9">
        <v>0.5625</v>
      </c>
      <c r="K55" s="8">
        <v>15</v>
      </c>
      <c r="L55" s="8" t="s">
        <v>19</v>
      </c>
      <c r="M55" s="8" t="s">
        <v>43</v>
      </c>
      <c r="N55" s="8" t="s">
        <v>24</v>
      </c>
      <c r="O55" s="8"/>
      <c r="P55" s="9">
        <v>0.57638888888888895</v>
      </c>
      <c r="Q55" s="8">
        <v>1</v>
      </c>
      <c r="R55" s="9">
        <v>0.55555555555555602</v>
      </c>
      <c r="S55" s="9">
        <v>0.5625</v>
      </c>
    </row>
    <row r="56" spans="1:19" ht="18.75" customHeight="1">
      <c r="A56" s="52">
        <v>16</v>
      </c>
      <c r="B56" s="52" t="s">
        <v>13</v>
      </c>
      <c r="C56" s="52" t="s">
        <v>23</v>
      </c>
      <c r="D56" s="52" t="s">
        <v>24</v>
      </c>
      <c r="E56" s="52"/>
      <c r="F56" s="53">
        <v>0.58680555555555503</v>
      </c>
      <c r="G56" s="52">
        <v>1</v>
      </c>
      <c r="H56" s="53">
        <v>0.56597222222222199</v>
      </c>
      <c r="I56" s="53">
        <v>0.57291666666666696</v>
      </c>
      <c r="K56" s="80">
        <v>16</v>
      </c>
      <c r="L56" s="80" t="s">
        <v>13</v>
      </c>
      <c r="M56" s="80" t="s">
        <v>44</v>
      </c>
      <c r="N56" s="80" t="s">
        <v>15</v>
      </c>
      <c r="O56" s="80" t="s">
        <v>16</v>
      </c>
      <c r="P56" s="73">
        <v>0.61805555555555503</v>
      </c>
      <c r="Q56" s="62" t="s">
        <v>17</v>
      </c>
      <c r="R56" s="9">
        <v>0.59722222222222199</v>
      </c>
      <c r="S56" s="9">
        <v>0.60416666666666696</v>
      </c>
    </row>
    <row r="57" spans="1:19" ht="18.75" customHeight="1">
      <c r="A57" s="80">
        <v>17</v>
      </c>
      <c r="B57" s="80" t="s">
        <v>13</v>
      </c>
      <c r="C57" s="80" t="s">
        <v>44</v>
      </c>
      <c r="D57" s="80" t="s">
        <v>15</v>
      </c>
      <c r="E57" s="80" t="s">
        <v>16</v>
      </c>
      <c r="F57" s="73">
        <v>0.61805555555555503</v>
      </c>
      <c r="G57" s="62" t="s">
        <v>17</v>
      </c>
      <c r="H57" s="9">
        <v>0.59722222222222199</v>
      </c>
      <c r="I57" s="9">
        <v>0.60416666666666696</v>
      </c>
      <c r="K57" s="81"/>
      <c r="L57" s="81"/>
      <c r="M57" s="81"/>
      <c r="N57" s="81"/>
      <c r="O57" s="81"/>
      <c r="P57" s="74"/>
      <c r="Q57" s="62" t="s">
        <v>18</v>
      </c>
      <c r="R57" s="9">
        <v>0.60416666666666696</v>
      </c>
      <c r="S57" s="9">
        <v>0.61111111111111105</v>
      </c>
    </row>
    <row r="58" spans="1:19" ht="18.75" customHeight="1">
      <c r="A58" s="81"/>
      <c r="B58" s="81"/>
      <c r="C58" s="81"/>
      <c r="D58" s="81"/>
      <c r="E58" s="81"/>
      <c r="F58" s="74"/>
      <c r="G58" s="62" t="s">
        <v>18</v>
      </c>
      <c r="H58" s="9">
        <v>0.60416666666666696</v>
      </c>
      <c r="I58" s="9">
        <v>0.61111111111111105</v>
      </c>
      <c r="K58" s="82"/>
      <c r="L58" s="82"/>
      <c r="M58" s="82"/>
      <c r="N58" s="82"/>
      <c r="O58" s="82"/>
      <c r="P58" s="75"/>
      <c r="Q58" s="8">
        <v>5</v>
      </c>
      <c r="R58" s="9">
        <v>0.61111111111111105</v>
      </c>
      <c r="S58" s="9">
        <v>0.61805555555555602</v>
      </c>
    </row>
    <row r="59" spans="1:19" ht="18.75" customHeight="1">
      <c r="A59" s="82"/>
      <c r="B59" s="82"/>
      <c r="C59" s="82"/>
      <c r="D59" s="82"/>
      <c r="E59" s="82"/>
      <c r="F59" s="75"/>
      <c r="G59" s="8">
        <v>5</v>
      </c>
      <c r="H59" s="9">
        <v>0.61111111111111105</v>
      </c>
      <c r="I59" s="9">
        <v>0.61805555555555602</v>
      </c>
      <c r="K59" s="80">
        <v>17</v>
      </c>
      <c r="L59" s="80" t="s">
        <v>19</v>
      </c>
      <c r="M59" s="80" t="s">
        <v>44</v>
      </c>
      <c r="N59" s="80" t="s">
        <v>15</v>
      </c>
      <c r="O59" s="80" t="s">
        <v>16</v>
      </c>
      <c r="P59" s="73">
        <v>0.63888888888888895</v>
      </c>
      <c r="Q59" s="62" t="s">
        <v>17</v>
      </c>
      <c r="R59" s="9">
        <v>0.61805555555555602</v>
      </c>
      <c r="S59" s="9">
        <v>0.625</v>
      </c>
    </row>
    <row r="60" spans="1:19" ht="18.75" customHeight="1">
      <c r="A60" s="80">
        <v>18</v>
      </c>
      <c r="B60" s="80" t="s">
        <v>19</v>
      </c>
      <c r="C60" s="80" t="s">
        <v>44</v>
      </c>
      <c r="D60" s="80" t="s">
        <v>15</v>
      </c>
      <c r="E60" s="80" t="s">
        <v>16</v>
      </c>
      <c r="F60" s="73">
        <v>0.63888888888888895</v>
      </c>
      <c r="G60" s="62" t="s">
        <v>17</v>
      </c>
      <c r="H60" s="9">
        <v>0.61805555555555602</v>
      </c>
      <c r="I60" s="9">
        <v>0.625</v>
      </c>
      <c r="K60" s="81"/>
      <c r="L60" s="81"/>
      <c r="M60" s="81"/>
      <c r="N60" s="81"/>
      <c r="O60" s="81"/>
      <c r="P60" s="74"/>
      <c r="Q60" s="62" t="s">
        <v>18</v>
      </c>
      <c r="R60" s="9">
        <v>0.625</v>
      </c>
      <c r="S60" s="9">
        <v>0.63194444444444398</v>
      </c>
    </row>
    <row r="61" spans="1:19" ht="18.75" customHeight="1">
      <c r="A61" s="81"/>
      <c r="B61" s="81"/>
      <c r="C61" s="81"/>
      <c r="D61" s="81"/>
      <c r="E61" s="81"/>
      <c r="F61" s="74"/>
      <c r="G61" s="62" t="s">
        <v>18</v>
      </c>
      <c r="H61" s="9">
        <v>0.625</v>
      </c>
      <c r="I61" s="9">
        <v>0.63194444444444398</v>
      </c>
      <c r="K61" s="82"/>
      <c r="L61" s="82"/>
      <c r="M61" s="82"/>
      <c r="N61" s="82"/>
      <c r="O61" s="82"/>
      <c r="P61" s="75"/>
      <c r="Q61" s="8">
        <v>5</v>
      </c>
      <c r="R61" s="9">
        <v>0.63194444444444398</v>
      </c>
      <c r="S61" s="9">
        <v>0.63888888888888895</v>
      </c>
    </row>
    <row r="62" spans="1:19" ht="18.75" customHeight="1">
      <c r="A62" s="82"/>
      <c r="B62" s="82"/>
      <c r="C62" s="82"/>
      <c r="D62" s="82"/>
      <c r="E62" s="82"/>
      <c r="F62" s="75"/>
      <c r="G62" s="8">
        <v>5</v>
      </c>
      <c r="H62" s="9">
        <v>0.63194444444444398</v>
      </c>
      <c r="I62" s="9">
        <v>0.63888888888888895</v>
      </c>
      <c r="K62" s="80">
        <v>18</v>
      </c>
      <c r="L62" s="80" t="s">
        <v>19</v>
      </c>
      <c r="M62" s="80" t="s">
        <v>45</v>
      </c>
      <c r="N62" s="80" t="s">
        <v>38</v>
      </c>
      <c r="O62" s="80" t="s">
        <v>39</v>
      </c>
      <c r="P62" s="73">
        <v>0.66666666666666696</v>
      </c>
      <c r="Q62" s="8" t="s">
        <v>17</v>
      </c>
      <c r="R62" s="19" t="s">
        <v>46</v>
      </c>
      <c r="S62" s="9">
        <v>0.65277777777777801</v>
      </c>
    </row>
    <row r="63" spans="1:19" ht="18.75" customHeight="1">
      <c r="A63" s="80">
        <v>19</v>
      </c>
      <c r="B63" s="80" t="s">
        <v>19</v>
      </c>
      <c r="C63" s="80" t="s">
        <v>45</v>
      </c>
      <c r="D63" s="80" t="s">
        <v>38</v>
      </c>
      <c r="E63" s="80" t="s">
        <v>39</v>
      </c>
      <c r="F63" s="73">
        <v>0.66666666666666696</v>
      </c>
      <c r="G63" s="8" t="s">
        <v>17</v>
      </c>
      <c r="H63" s="19" t="s">
        <v>46</v>
      </c>
      <c r="I63" s="9">
        <v>0.65277777777777801</v>
      </c>
      <c r="K63" s="82"/>
      <c r="L63" s="82"/>
      <c r="M63" s="82"/>
      <c r="N63" s="82"/>
      <c r="O63" s="82"/>
      <c r="P63" s="75"/>
      <c r="Q63" s="8">
        <v>3</v>
      </c>
      <c r="R63" s="19" t="s">
        <v>46</v>
      </c>
      <c r="S63" s="9">
        <v>0.65972222222222199</v>
      </c>
    </row>
    <row r="64" spans="1:19" ht="18.75" customHeight="1">
      <c r="A64" s="82"/>
      <c r="B64" s="82"/>
      <c r="C64" s="82"/>
      <c r="D64" s="82"/>
      <c r="E64" s="82"/>
      <c r="F64" s="75"/>
      <c r="G64" s="8">
        <v>3</v>
      </c>
      <c r="H64" s="19" t="s">
        <v>46</v>
      </c>
      <c r="I64" s="9">
        <v>0.65972222222222199</v>
      </c>
      <c r="K64" s="8">
        <v>19</v>
      </c>
      <c r="L64" s="8" t="s">
        <v>13</v>
      </c>
      <c r="M64" s="8" t="s">
        <v>14</v>
      </c>
      <c r="N64" s="8" t="s">
        <v>24</v>
      </c>
      <c r="O64" s="8"/>
      <c r="P64" s="9">
        <v>0.68055555555555503</v>
      </c>
      <c r="Q64" s="8">
        <v>1</v>
      </c>
      <c r="R64" s="9">
        <v>0.65972222222222199</v>
      </c>
      <c r="S64" s="9">
        <v>0.66666666666666696</v>
      </c>
    </row>
    <row r="65" spans="1:20" ht="18.75" customHeight="1">
      <c r="A65" s="8">
        <v>20</v>
      </c>
      <c r="B65" s="8" t="s">
        <v>13</v>
      </c>
      <c r="C65" s="8" t="s">
        <v>14</v>
      </c>
      <c r="D65" s="8" t="s">
        <v>24</v>
      </c>
      <c r="E65" s="8"/>
      <c r="F65" s="9">
        <v>0.68055555555555503</v>
      </c>
      <c r="G65" s="8">
        <v>1</v>
      </c>
      <c r="H65" s="9">
        <v>0.65972222222222199</v>
      </c>
      <c r="I65" s="9">
        <v>0.66666666666666696</v>
      </c>
      <c r="K65" s="8">
        <v>20</v>
      </c>
      <c r="L65" s="8" t="s">
        <v>19</v>
      </c>
      <c r="M65" s="8" t="s">
        <v>14</v>
      </c>
      <c r="N65" s="8" t="s">
        <v>24</v>
      </c>
      <c r="O65" s="8"/>
      <c r="P65" s="9">
        <v>0.6875</v>
      </c>
      <c r="Q65" s="8">
        <v>1</v>
      </c>
      <c r="R65" s="9">
        <v>0.66666666666666696</v>
      </c>
      <c r="S65" s="9">
        <v>0.67361111111111105</v>
      </c>
    </row>
    <row r="66" spans="1:20" ht="18.75" customHeight="1">
      <c r="A66" s="8">
        <v>21</v>
      </c>
      <c r="B66" s="8" t="s">
        <v>19</v>
      </c>
      <c r="C66" s="8" t="s">
        <v>14</v>
      </c>
      <c r="D66" s="8" t="s">
        <v>24</v>
      </c>
      <c r="E66" s="8"/>
      <c r="F66" s="9">
        <v>0.6875</v>
      </c>
      <c r="G66" s="8">
        <v>1</v>
      </c>
      <c r="H66" s="9">
        <v>0.66666666666666696</v>
      </c>
      <c r="I66" s="9">
        <v>0.67361111111111105</v>
      </c>
      <c r="K66" s="56">
        <v>21</v>
      </c>
      <c r="L66" s="56" t="s">
        <v>13</v>
      </c>
      <c r="M66" s="56" t="s">
        <v>23</v>
      </c>
      <c r="N66" s="56" t="s">
        <v>24</v>
      </c>
      <c r="O66" s="56"/>
      <c r="P66" s="54">
        <v>0.70138888888888895</v>
      </c>
      <c r="Q66" s="56">
        <v>1</v>
      </c>
      <c r="R66" s="54">
        <v>0.68055555555555602</v>
      </c>
      <c r="S66" s="54">
        <v>0.6875</v>
      </c>
      <c r="T66" s="1" t="s">
        <v>83</v>
      </c>
    </row>
    <row r="67" spans="1:20" ht="18.75" customHeight="1">
      <c r="A67" s="10"/>
      <c r="B67" s="10"/>
      <c r="C67" s="10"/>
      <c r="D67" s="10"/>
      <c r="E67" s="10"/>
      <c r="F67" s="11"/>
      <c r="G67" s="10"/>
      <c r="H67" s="11"/>
      <c r="I67" s="11"/>
      <c r="Q67" s="11"/>
      <c r="R67" s="2" t="s">
        <v>84</v>
      </c>
    </row>
    <row r="68" spans="1:20" ht="18.75" customHeight="1">
      <c r="A68" s="10"/>
      <c r="B68" s="10"/>
      <c r="C68" s="10"/>
      <c r="D68" s="10"/>
      <c r="E68" s="10"/>
      <c r="F68" s="11"/>
      <c r="G68" s="10"/>
      <c r="H68" s="11"/>
      <c r="I68" s="11"/>
      <c r="Q68" s="11"/>
    </row>
    <row r="69" spans="1:20" ht="18.75" customHeight="1">
      <c r="A69" s="1" t="s">
        <v>25</v>
      </c>
      <c r="D69" s="10"/>
      <c r="K69" s="1" t="s">
        <v>25</v>
      </c>
      <c r="N69" s="10"/>
    </row>
    <row r="70" spans="1:20" ht="18.75" customHeight="1">
      <c r="A70" s="4" t="s">
        <v>4</v>
      </c>
      <c r="B70" s="4" t="s">
        <v>5</v>
      </c>
      <c r="C70" s="4" t="s">
        <v>6</v>
      </c>
      <c r="D70" s="4" t="s">
        <v>7</v>
      </c>
      <c r="E70" s="4" t="s">
        <v>26</v>
      </c>
      <c r="F70" s="5" t="s">
        <v>9</v>
      </c>
      <c r="G70" s="4" t="s">
        <v>10</v>
      </c>
      <c r="H70" s="5" t="s">
        <v>11</v>
      </c>
      <c r="I70" s="5" t="s">
        <v>12</v>
      </c>
      <c r="K70" s="4" t="s">
        <v>4</v>
      </c>
      <c r="L70" s="4" t="s">
        <v>5</v>
      </c>
      <c r="M70" s="4" t="s">
        <v>6</v>
      </c>
      <c r="N70" s="4" t="s">
        <v>7</v>
      </c>
      <c r="O70" s="4" t="s">
        <v>26</v>
      </c>
      <c r="P70" s="5" t="s">
        <v>9</v>
      </c>
      <c r="Q70" s="4" t="s">
        <v>10</v>
      </c>
      <c r="R70" s="5" t="s">
        <v>11</v>
      </c>
      <c r="S70" s="5" t="s">
        <v>12</v>
      </c>
    </row>
    <row r="71" spans="1:20" ht="18.75" customHeight="1">
      <c r="A71" s="8">
        <v>1</v>
      </c>
      <c r="B71" s="8" t="s">
        <v>13</v>
      </c>
      <c r="C71" s="8" t="s">
        <v>47</v>
      </c>
      <c r="D71" s="8" t="s">
        <v>24</v>
      </c>
      <c r="E71" s="4" t="s">
        <v>35</v>
      </c>
      <c r="F71" s="9">
        <v>0.39236111111111099</v>
      </c>
      <c r="G71" s="8">
        <v>1</v>
      </c>
      <c r="H71" s="9">
        <v>0.35763888888888901</v>
      </c>
      <c r="I71" s="9">
        <v>0.36458333333333298</v>
      </c>
      <c r="K71" s="8">
        <v>1</v>
      </c>
      <c r="L71" s="8" t="s">
        <v>13</v>
      </c>
      <c r="M71" s="8" t="s">
        <v>47</v>
      </c>
      <c r="N71" s="8" t="s">
        <v>24</v>
      </c>
      <c r="O71" s="4" t="s">
        <v>35</v>
      </c>
      <c r="P71" s="9">
        <v>0.39236111111111099</v>
      </c>
      <c r="Q71" s="8">
        <v>1</v>
      </c>
      <c r="R71" s="9">
        <v>0.35763888888888901</v>
      </c>
      <c r="S71" s="9">
        <v>0.36458333333333298</v>
      </c>
    </row>
    <row r="72" spans="1:20" ht="18.75" customHeight="1">
      <c r="A72" s="8">
        <v>2</v>
      </c>
      <c r="B72" s="8" t="s">
        <v>19</v>
      </c>
      <c r="C72" s="8" t="s">
        <v>48</v>
      </c>
      <c r="D72" s="8" t="s">
        <v>38</v>
      </c>
      <c r="E72" s="4" t="s">
        <v>49</v>
      </c>
      <c r="F72" s="9">
        <v>0.46527777777777801</v>
      </c>
      <c r="G72" s="8">
        <v>1</v>
      </c>
      <c r="H72" s="19" t="s">
        <v>46</v>
      </c>
      <c r="I72" s="9">
        <v>0.4375</v>
      </c>
      <c r="K72" s="8">
        <v>2</v>
      </c>
      <c r="L72" s="8" t="s">
        <v>19</v>
      </c>
      <c r="M72" s="8" t="s">
        <v>48</v>
      </c>
      <c r="N72" s="8" t="s">
        <v>38</v>
      </c>
      <c r="O72" s="4" t="s">
        <v>49</v>
      </c>
      <c r="P72" s="9">
        <v>0.46527777777777801</v>
      </c>
      <c r="Q72" s="8">
        <v>1</v>
      </c>
      <c r="R72" s="19" t="s">
        <v>46</v>
      </c>
      <c r="S72" s="9">
        <v>0.4375</v>
      </c>
    </row>
    <row r="73" spans="1:20" ht="18.75" customHeight="1">
      <c r="A73" s="8">
        <v>3</v>
      </c>
      <c r="B73" s="8" t="s">
        <v>19</v>
      </c>
      <c r="C73" s="8" t="s">
        <v>47</v>
      </c>
      <c r="D73" s="8" t="s">
        <v>24</v>
      </c>
      <c r="E73" s="4" t="s">
        <v>35</v>
      </c>
      <c r="F73" s="9">
        <v>0.55555555555555602</v>
      </c>
      <c r="G73" s="8">
        <v>1</v>
      </c>
      <c r="H73" s="9">
        <v>0.52083333333333304</v>
      </c>
      <c r="I73" s="9">
        <v>0.52777777777777801</v>
      </c>
      <c r="K73" s="8">
        <v>3</v>
      </c>
      <c r="L73" s="8" t="s">
        <v>19</v>
      </c>
      <c r="M73" s="8" t="s">
        <v>47</v>
      </c>
      <c r="N73" s="8" t="s">
        <v>24</v>
      </c>
      <c r="O73" s="4" t="s">
        <v>35</v>
      </c>
      <c r="P73" s="9">
        <v>0.55555555555555602</v>
      </c>
      <c r="Q73" s="8">
        <v>1</v>
      </c>
      <c r="R73" s="9">
        <v>0.52083333333333304</v>
      </c>
      <c r="S73" s="9">
        <v>0.52777777777777801</v>
      </c>
    </row>
    <row r="74" spans="1:20" ht="18.75" customHeight="1">
      <c r="A74" s="8">
        <v>4</v>
      </c>
      <c r="B74" s="8" t="s">
        <v>13</v>
      </c>
      <c r="C74" s="8" t="s">
        <v>29</v>
      </c>
      <c r="D74" s="8" t="s">
        <v>24</v>
      </c>
      <c r="E74" s="4" t="s">
        <v>49</v>
      </c>
      <c r="F74" s="9">
        <v>0.5625</v>
      </c>
      <c r="G74" s="8">
        <v>1</v>
      </c>
      <c r="H74" s="9">
        <v>0.52777777777777801</v>
      </c>
      <c r="I74" s="9">
        <v>0.53472222222222199</v>
      </c>
      <c r="K74" s="56">
        <v>4</v>
      </c>
      <c r="L74" s="56" t="s">
        <v>13</v>
      </c>
      <c r="M74" s="56" t="s">
        <v>29</v>
      </c>
      <c r="N74" s="56" t="s">
        <v>24</v>
      </c>
      <c r="O74" s="57" t="s">
        <v>30</v>
      </c>
      <c r="P74" s="54">
        <v>0.5625</v>
      </c>
      <c r="Q74" s="56">
        <v>1</v>
      </c>
      <c r="R74" s="54">
        <v>0.52777777777777801</v>
      </c>
      <c r="S74" s="54">
        <v>0.53472222222222199</v>
      </c>
    </row>
    <row r="75" spans="1:20" ht="18.75" customHeight="1">
      <c r="A75" s="20"/>
      <c r="B75" s="20"/>
      <c r="C75" s="20"/>
      <c r="D75" s="20"/>
      <c r="E75" s="21"/>
      <c r="F75" s="22"/>
      <c r="G75" s="20"/>
      <c r="H75" s="22"/>
      <c r="I75" s="22"/>
      <c r="K75" s="20"/>
      <c r="L75" s="20"/>
      <c r="M75" s="20"/>
      <c r="N75" s="20"/>
      <c r="O75" s="21"/>
      <c r="P75" s="22"/>
      <c r="Q75" s="20"/>
      <c r="R75" s="22"/>
      <c r="S75" s="22"/>
    </row>
    <row r="76" spans="1:20" ht="18.75" customHeight="1">
      <c r="A76" s="1" t="s">
        <v>31</v>
      </c>
      <c r="B76" s="13"/>
      <c r="C76" s="13"/>
      <c r="D76" s="13"/>
      <c r="E76" s="14"/>
      <c r="F76" s="15"/>
      <c r="G76" s="13"/>
      <c r="H76" s="15"/>
      <c r="I76" s="15"/>
      <c r="K76" s="1" t="s">
        <v>31</v>
      </c>
      <c r="L76" s="13"/>
      <c r="M76" s="13"/>
      <c r="N76" s="13"/>
      <c r="O76" s="14"/>
      <c r="P76" s="15"/>
      <c r="Q76" s="13"/>
      <c r="R76" s="15"/>
      <c r="S76" s="15"/>
    </row>
    <row r="77" spans="1:20" ht="18.75" customHeight="1">
      <c r="A77" s="8">
        <v>1</v>
      </c>
      <c r="B77" s="8" t="s">
        <v>13</v>
      </c>
      <c r="C77" s="8" t="s">
        <v>32</v>
      </c>
      <c r="D77" s="8" t="s">
        <v>24</v>
      </c>
      <c r="E77" s="4" t="s">
        <v>33</v>
      </c>
      <c r="F77" s="9">
        <v>0.39583333333333298</v>
      </c>
      <c r="G77" s="8">
        <v>1</v>
      </c>
      <c r="H77" s="9">
        <v>0.36111111111111099</v>
      </c>
      <c r="I77" s="9">
        <v>0.36805555555555602</v>
      </c>
      <c r="K77" s="8">
        <v>1</v>
      </c>
      <c r="L77" s="8" t="s">
        <v>13</v>
      </c>
      <c r="M77" s="8" t="s">
        <v>32</v>
      </c>
      <c r="N77" s="8" t="s">
        <v>24</v>
      </c>
      <c r="O77" s="4" t="s">
        <v>33</v>
      </c>
      <c r="P77" s="9">
        <v>0.39583333333333298</v>
      </c>
      <c r="Q77" s="8">
        <v>1</v>
      </c>
      <c r="R77" s="9">
        <v>0.36111111111111099</v>
      </c>
      <c r="S77" s="9">
        <v>0.36805555555555602</v>
      </c>
    </row>
    <row r="78" spans="1:20" ht="18.75" customHeight="1">
      <c r="A78" s="8">
        <v>2</v>
      </c>
      <c r="B78" s="8" t="s">
        <v>19</v>
      </c>
      <c r="C78" s="8" t="s">
        <v>50</v>
      </c>
      <c r="D78" s="8" t="s">
        <v>24</v>
      </c>
      <c r="E78" s="4" t="s">
        <v>33</v>
      </c>
      <c r="F78" s="9">
        <v>0.50694444444444398</v>
      </c>
      <c r="G78" s="8">
        <v>1</v>
      </c>
      <c r="H78" s="9">
        <v>0.47222222222222199</v>
      </c>
      <c r="I78" s="9">
        <v>0.47916666666666702</v>
      </c>
      <c r="K78" s="8">
        <v>2</v>
      </c>
      <c r="L78" s="8" t="s">
        <v>19</v>
      </c>
      <c r="M78" s="8" t="s">
        <v>50</v>
      </c>
      <c r="N78" s="8" t="s">
        <v>24</v>
      </c>
      <c r="O78" s="4" t="s">
        <v>33</v>
      </c>
      <c r="P78" s="9">
        <v>0.50694444444444398</v>
      </c>
      <c r="Q78" s="8">
        <v>1</v>
      </c>
      <c r="R78" s="9">
        <v>0.47222222222222199</v>
      </c>
      <c r="S78" s="9">
        <v>0.47916666666666702</v>
      </c>
    </row>
    <row r="79" spans="1:20" ht="18.75" customHeight="1">
      <c r="A79" s="8">
        <v>3</v>
      </c>
      <c r="B79" s="8" t="s">
        <v>19</v>
      </c>
      <c r="C79" s="8" t="s">
        <v>51</v>
      </c>
      <c r="D79" s="8" t="s">
        <v>38</v>
      </c>
      <c r="E79" s="4" t="s">
        <v>33</v>
      </c>
      <c r="F79" s="9">
        <v>0.58333333333333304</v>
      </c>
      <c r="G79" s="8">
        <v>1</v>
      </c>
      <c r="H79" s="19" t="s">
        <v>46</v>
      </c>
      <c r="I79" s="9">
        <v>0.55555555555555602</v>
      </c>
      <c r="K79" s="8">
        <v>3</v>
      </c>
      <c r="L79" s="8" t="s">
        <v>19</v>
      </c>
      <c r="M79" s="8" t="s">
        <v>51</v>
      </c>
      <c r="N79" s="8" t="s">
        <v>38</v>
      </c>
      <c r="O79" s="4" t="s">
        <v>35</v>
      </c>
      <c r="P79" s="9">
        <v>0.58333333333333304</v>
      </c>
      <c r="Q79" s="8">
        <v>1</v>
      </c>
      <c r="R79" s="19" t="s">
        <v>46</v>
      </c>
      <c r="S79" s="9">
        <v>0.55555555555555602</v>
      </c>
    </row>
    <row r="81" spans="1:19" ht="27" customHeight="1">
      <c r="A81" s="92" t="s">
        <v>85</v>
      </c>
      <c r="B81" s="92"/>
      <c r="C81" s="92"/>
      <c r="D81" s="92"/>
      <c r="E81" s="92"/>
      <c r="F81" s="92"/>
      <c r="G81" s="92"/>
      <c r="H81" s="92"/>
      <c r="I81" s="92"/>
      <c r="K81" s="92" t="s">
        <v>52</v>
      </c>
      <c r="L81" s="92"/>
      <c r="M81" s="92"/>
      <c r="N81" s="92"/>
      <c r="O81" s="92"/>
      <c r="P81" s="92"/>
      <c r="Q81" s="92"/>
      <c r="R81" s="92"/>
      <c r="S81" s="92"/>
    </row>
    <row r="82" spans="1:19" ht="16.5" customHeight="1">
      <c r="A82" s="1" t="s">
        <v>3</v>
      </c>
      <c r="C82" s="3"/>
      <c r="D82" s="3"/>
      <c r="E82" s="3"/>
      <c r="F82" s="3"/>
      <c r="G82" s="3"/>
      <c r="H82" s="3"/>
      <c r="I82" s="3"/>
      <c r="K82" s="1" t="s">
        <v>3</v>
      </c>
      <c r="M82" s="3"/>
      <c r="N82" s="3"/>
      <c r="O82" s="3"/>
      <c r="P82" s="3"/>
      <c r="Q82" s="3"/>
      <c r="R82" s="3"/>
      <c r="S82" s="3"/>
    </row>
    <row r="83" spans="1:19" ht="16.5" customHeight="1">
      <c r="A83" s="4" t="s">
        <v>4</v>
      </c>
      <c r="B83" s="4" t="s">
        <v>5</v>
      </c>
      <c r="C83" s="4" t="s">
        <v>6</v>
      </c>
      <c r="D83" s="4" t="s">
        <v>7</v>
      </c>
      <c r="E83" s="4" t="s">
        <v>8</v>
      </c>
      <c r="F83" s="5" t="s">
        <v>9</v>
      </c>
      <c r="G83" s="4" t="s">
        <v>10</v>
      </c>
      <c r="H83" s="5" t="s">
        <v>11</v>
      </c>
      <c r="I83" s="5" t="s">
        <v>12</v>
      </c>
      <c r="K83" s="4" t="s">
        <v>4</v>
      </c>
      <c r="L83" s="4" t="s">
        <v>5</v>
      </c>
      <c r="M83" s="4" t="s">
        <v>6</v>
      </c>
      <c r="N83" s="4" t="s">
        <v>7</v>
      </c>
      <c r="O83" s="4" t="s">
        <v>8</v>
      </c>
      <c r="P83" s="5" t="s">
        <v>9</v>
      </c>
      <c r="Q83" s="4" t="s">
        <v>10</v>
      </c>
      <c r="R83" s="5" t="s">
        <v>11</v>
      </c>
      <c r="S83" s="5" t="s">
        <v>12</v>
      </c>
    </row>
    <row r="84" spans="1:19" ht="16.5" customHeight="1">
      <c r="A84" s="80">
        <v>1</v>
      </c>
      <c r="B84" s="80" t="s">
        <v>13</v>
      </c>
      <c r="C84" s="80" t="s">
        <v>53</v>
      </c>
      <c r="D84" s="80" t="s">
        <v>54</v>
      </c>
      <c r="E84" s="80" t="s">
        <v>39</v>
      </c>
      <c r="F84" s="73">
        <v>0.38888888888888901</v>
      </c>
      <c r="G84" s="8" t="s">
        <v>17</v>
      </c>
      <c r="H84" s="9">
        <v>0.36805555555555602</v>
      </c>
      <c r="I84" s="9">
        <v>0.375</v>
      </c>
      <c r="K84" s="80">
        <v>1</v>
      </c>
      <c r="L84" s="80" t="s">
        <v>13</v>
      </c>
      <c r="M84" s="80" t="s">
        <v>53</v>
      </c>
      <c r="N84" s="80" t="s">
        <v>54</v>
      </c>
      <c r="O84" s="80" t="s">
        <v>39</v>
      </c>
      <c r="P84" s="73">
        <v>0.38888888888888901</v>
      </c>
      <c r="Q84" s="8" t="s">
        <v>17</v>
      </c>
      <c r="R84" s="9">
        <v>0.36805555555555602</v>
      </c>
      <c r="S84" s="9">
        <v>0.375</v>
      </c>
    </row>
    <row r="85" spans="1:19" ht="16.5" customHeight="1">
      <c r="A85" s="82"/>
      <c r="B85" s="82"/>
      <c r="C85" s="82"/>
      <c r="D85" s="82"/>
      <c r="E85" s="82"/>
      <c r="F85" s="75"/>
      <c r="G85" s="8">
        <v>3</v>
      </c>
      <c r="H85" s="9">
        <v>0.375</v>
      </c>
      <c r="I85" s="9">
        <v>0.38194444444444398</v>
      </c>
      <c r="K85" s="82"/>
      <c r="L85" s="82"/>
      <c r="M85" s="82"/>
      <c r="N85" s="82"/>
      <c r="O85" s="82"/>
      <c r="P85" s="75"/>
      <c r="Q85" s="8">
        <v>3</v>
      </c>
      <c r="R85" s="9">
        <v>0.375</v>
      </c>
      <c r="S85" s="9">
        <v>0.38194444444444398</v>
      </c>
    </row>
    <row r="86" spans="1:19" ht="16.5" customHeight="1">
      <c r="A86" s="80">
        <v>2</v>
      </c>
      <c r="B86" s="80" t="s">
        <v>19</v>
      </c>
      <c r="C86" s="80" t="s">
        <v>55</v>
      </c>
      <c r="D86" s="80" t="s">
        <v>38</v>
      </c>
      <c r="E86" s="80" t="s">
        <v>39</v>
      </c>
      <c r="F86" s="73">
        <v>0.40277777777777801</v>
      </c>
      <c r="G86" s="8" t="s">
        <v>17</v>
      </c>
      <c r="H86" s="9">
        <v>0.38194444444444398</v>
      </c>
      <c r="I86" s="9">
        <v>0.38888888888888901</v>
      </c>
      <c r="K86" s="80">
        <v>2</v>
      </c>
      <c r="L86" s="80" t="s">
        <v>19</v>
      </c>
      <c r="M86" s="80" t="s">
        <v>55</v>
      </c>
      <c r="N86" s="80" t="s">
        <v>38</v>
      </c>
      <c r="O86" s="80" t="s">
        <v>39</v>
      </c>
      <c r="P86" s="73">
        <v>0.40277777777777801</v>
      </c>
      <c r="Q86" s="8" t="s">
        <v>17</v>
      </c>
      <c r="R86" s="9">
        <v>0.38194444444444398</v>
      </c>
      <c r="S86" s="9">
        <v>0.38888888888888901</v>
      </c>
    </row>
    <row r="87" spans="1:19" ht="16.5" customHeight="1">
      <c r="A87" s="82"/>
      <c r="B87" s="82"/>
      <c r="C87" s="82"/>
      <c r="D87" s="82"/>
      <c r="E87" s="82"/>
      <c r="F87" s="75"/>
      <c r="G87" s="8">
        <v>3</v>
      </c>
      <c r="H87" s="9">
        <v>0.38888888888888901</v>
      </c>
      <c r="I87" s="9">
        <v>0.39583333333333298</v>
      </c>
      <c r="K87" s="82"/>
      <c r="L87" s="82"/>
      <c r="M87" s="82"/>
      <c r="N87" s="82"/>
      <c r="O87" s="82"/>
      <c r="P87" s="75"/>
      <c r="Q87" s="8">
        <v>3</v>
      </c>
      <c r="R87" s="9">
        <v>0.38888888888888901</v>
      </c>
      <c r="S87" s="9">
        <v>0.39583333333333298</v>
      </c>
    </row>
    <row r="88" spans="1:19" ht="16.5" customHeight="1">
      <c r="A88" s="80">
        <v>3</v>
      </c>
      <c r="B88" s="80" t="s">
        <v>13</v>
      </c>
      <c r="C88" s="80" t="s">
        <v>56</v>
      </c>
      <c r="D88" s="80" t="s">
        <v>15</v>
      </c>
      <c r="E88" s="80" t="s">
        <v>16</v>
      </c>
      <c r="F88" s="73">
        <v>0.42013888888888901</v>
      </c>
      <c r="G88" s="62" t="s">
        <v>17</v>
      </c>
      <c r="H88" s="9">
        <v>0.39930555555555602</v>
      </c>
      <c r="I88" s="9">
        <v>0.40625</v>
      </c>
      <c r="K88" s="80">
        <v>3</v>
      </c>
      <c r="L88" s="80" t="s">
        <v>13</v>
      </c>
      <c r="M88" s="80" t="s">
        <v>56</v>
      </c>
      <c r="N88" s="80" t="s">
        <v>15</v>
      </c>
      <c r="O88" s="80" t="s">
        <v>16</v>
      </c>
      <c r="P88" s="73">
        <v>0.42013888888888901</v>
      </c>
      <c r="Q88" s="62" t="s">
        <v>17</v>
      </c>
      <c r="R88" s="9">
        <v>0.39930555555555602</v>
      </c>
      <c r="S88" s="9">
        <v>0.40625</v>
      </c>
    </row>
    <row r="89" spans="1:19" ht="16.5" customHeight="1">
      <c r="A89" s="81"/>
      <c r="B89" s="81"/>
      <c r="C89" s="81"/>
      <c r="D89" s="81"/>
      <c r="E89" s="81"/>
      <c r="F89" s="74"/>
      <c r="G89" s="62" t="s">
        <v>18</v>
      </c>
      <c r="H89" s="9">
        <v>0.40625</v>
      </c>
      <c r="I89" s="9">
        <v>0.41319444444444398</v>
      </c>
      <c r="K89" s="81"/>
      <c r="L89" s="81"/>
      <c r="M89" s="81"/>
      <c r="N89" s="81"/>
      <c r="O89" s="81"/>
      <c r="P89" s="74"/>
      <c r="Q89" s="62" t="s">
        <v>18</v>
      </c>
      <c r="R89" s="9">
        <v>0.40625</v>
      </c>
      <c r="S89" s="9">
        <v>0.41319444444444398</v>
      </c>
    </row>
    <row r="90" spans="1:19" ht="16.5" customHeight="1">
      <c r="A90" s="82"/>
      <c r="B90" s="82"/>
      <c r="C90" s="82"/>
      <c r="D90" s="82"/>
      <c r="E90" s="82"/>
      <c r="F90" s="75"/>
      <c r="G90" s="8">
        <v>5</v>
      </c>
      <c r="H90" s="9">
        <v>0.41319444444444398</v>
      </c>
      <c r="I90" s="9">
        <v>0.42013888888888901</v>
      </c>
      <c r="K90" s="82"/>
      <c r="L90" s="82"/>
      <c r="M90" s="82"/>
      <c r="N90" s="82"/>
      <c r="O90" s="82"/>
      <c r="P90" s="75"/>
      <c r="Q90" s="8">
        <v>5</v>
      </c>
      <c r="R90" s="9">
        <v>0.41319444444444398</v>
      </c>
      <c r="S90" s="9">
        <v>0.42013888888888901</v>
      </c>
    </row>
    <row r="91" spans="1:19" ht="16.5" customHeight="1">
      <c r="A91" s="80">
        <v>4</v>
      </c>
      <c r="B91" s="80" t="s">
        <v>19</v>
      </c>
      <c r="C91" s="80" t="s">
        <v>56</v>
      </c>
      <c r="D91" s="80" t="s">
        <v>15</v>
      </c>
      <c r="E91" s="80" t="s">
        <v>16</v>
      </c>
      <c r="F91" s="73">
        <v>0.4375</v>
      </c>
      <c r="G91" s="62" t="s">
        <v>17</v>
      </c>
      <c r="H91" s="9">
        <v>0.41666666666666702</v>
      </c>
      <c r="I91" s="9">
        <v>0.42361111111111099</v>
      </c>
      <c r="K91" s="80">
        <v>4</v>
      </c>
      <c r="L91" s="80" t="s">
        <v>19</v>
      </c>
      <c r="M91" s="80" t="s">
        <v>56</v>
      </c>
      <c r="N91" s="80" t="s">
        <v>15</v>
      </c>
      <c r="O91" s="80" t="s">
        <v>16</v>
      </c>
      <c r="P91" s="73">
        <v>0.4375</v>
      </c>
      <c r="Q91" s="62" t="s">
        <v>17</v>
      </c>
      <c r="R91" s="9">
        <v>0.41666666666666702</v>
      </c>
      <c r="S91" s="9">
        <v>0.42361111111111099</v>
      </c>
    </row>
    <row r="92" spans="1:19" ht="16.5" customHeight="1">
      <c r="A92" s="81"/>
      <c r="B92" s="81"/>
      <c r="C92" s="81"/>
      <c r="D92" s="81"/>
      <c r="E92" s="81"/>
      <c r="F92" s="74"/>
      <c r="G92" s="62" t="s">
        <v>18</v>
      </c>
      <c r="H92" s="9">
        <v>0.42361111111111099</v>
      </c>
      <c r="I92" s="9">
        <v>0.43055555555555602</v>
      </c>
      <c r="K92" s="81"/>
      <c r="L92" s="81"/>
      <c r="M92" s="81"/>
      <c r="N92" s="81"/>
      <c r="O92" s="81"/>
      <c r="P92" s="74"/>
      <c r="Q92" s="62" t="s">
        <v>18</v>
      </c>
      <c r="R92" s="9">
        <v>0.42361111111111099</v>
      </c>
      <c r="S92" s="9">
        <v>0.43055555555555602</v>
      </c>
    </row>
    <row r="93" spans="1:19" ht="16.5" customHeight="1">
      <c r="A93" s="82"/>
      <c r="B93" s="82"/>
      <c r="C93" s="82"/>
      <c r="D93" s="82"/>
      <c r="E93" s="82"/>
      <c r="F93" s="75"/>
      <c r="G93" s="8">
        <v>5</v>
      </c>
      <c r="H93" s="9">
        <v>0.43055555555555602</v>
      </c>
      <c r="I93" s="9">
        <v>0.4375</v>
      </c>
      <c r="K93" s="82"/>
      <c r="L93" s="82"/>
      <c r="M93" s="82"/>
      <c r="N93" s="82"/>
      <c r="O93" s="82"/>
      <c r="P93" s="75"/>
      <c r="Q93" s="8">
        <v>5</v>
      </c>
      <c r="R93" s="9">
        <v>0.43055555555555602</v>
      </c>
      <c r="S93" s="9">
        <v>0.4375</v>
      </c>
    </row>
    <row r="94" spans="1:19" ht="16.5" customHeight="1">
      <c r="A94" s="80">
        <v>5</v>
      </c>
      <c r="B94" s="80" t="s">
        <v>13</v>
      </c>
      <c r="C94" s="80" t="s">
        <v>57</v>
      </c>
      <c r="D94" s="80" t="s">
        <v>15</v>
      </c>
      <c r="E94" s="80" t="s">
        <v>16</v>
      </c>
      <c r="F94" s="73">
        <v>0.45833333333333298</v>
      </c>
      <c r="G94" s="62" t="s">
        <v>17</v>
      </c>
      <c r="H94" s="9">
        <v>0.4375</v>
      </c>
      <c r="I94" s="9">
        <v>0.44444444444444398</v>
      </c>
      <c r="J94" s="24"/>
      <c r="K94" s="80">
        <v>5</v>
      </c>
      <c r="L94" s="80" t="s">
        <v>13</v>
      </c>
      <c r="M94" s="80" t="s">
        <v>57</v>
      </c>
      <c r="N94" s="80" t="s">
        <v>15</v>
      </c>
      <c r="O94" s="80" t="s">
        <v>16</v>
      </c>
      <c r="P94" s="73">
        <v>0.45833333333333298</v>
      </c>
      <c r="Q94" s="62" t="s">
        <v>17</v>
      </c>
      <c r="R94" s="9">
        <v>0.4375</v>
      </c>
      <c r="S94" s="9">
        <v>0.44444444444444398</v>
      </c>
    </row>
    <row r="95" spans="1:19" ht="16.5" customHeight="1">
      <c r="A95" s="81"/>
      <c r="B95" s="81"/>
      <c r="C95" s="81"/>
      <c r="D95" s="81"/>
      <c r="E95" s="81"/>
      <c r="F95" s="74"/>
      <c r="G95" s="62" t="s">
        <v>18</v>
      </c>
      <c r="H95" s="9">
        <v>0.44444444444444398</v>
      </c>
      <c r="I95" s="9">
        <v>0.45138888888888901</v>
      </c>
      <c r="J95" s="24"/>
      <c r="K95" s="81"/>
      <c r="L95" s="81"/>
      <c r="M95" s="81"/>
      <c r="N95" s="81"/>
      <c r="O95" s="81"/>
      <c r="P95" s="74"/>
      <c r="Q95" s="62" t="s">
        <v>18</v>
      </c>
      <c r="R95" s="9">
        <v>0.44444444444444398</v>
      </c>
      <c r="S95" s="9">
        <v>0.45138888888888901</v>
      </c>
    </row>
    <row r="96" spans="1:19" ht="16.5" customHeight="1">
      <c r="A96" s="82"/>
      <c r="B96" s="82"/>
      <c r="C96" s="82"/>
      <c r="D96" s="82"/>
      <c r="E96" s="82"/>
      <c r="F96" s="75"/>
      <c r="G96" s="8">
        <v>5</v>
      </c>
      <c r="H96" s="9">
        <v>0.45138888888888901</v>
      </c>
      <c r="I96" s="9">
        <v>0.45833333333333298</v>
      </c>
      <c r="J96" s="24"/>
      <c r="K96" s="82"/>
      <c r="L96" s="82"/>
      <c r="M96" s="82"/>
      <c r="N96" s="82"/>
      <c r="O96" s="82"/>
      <c r="P96" s="75"/>
      <c r="Q96" s="8">
        <v>5</v>
      </c>
      <c r="R96" s="9">
        <v>0.45138888888888901</v>
      </c>
      <c r="S96" s="9">
        <v>0.45833333333333298</v>
      </c>
    </row>
    <row r="97" spans="1:19" ht="16.5" customHeight="1">
      <c r="A97" s="80">
        <v>6</v>
      </c>
      <c r="B97" s="80" t="s">
        <v>19</v>
      </c>
      <c r="C97" s="80" t="s">
        <v>57</v>
      </c>
      <c r="D97" s="80" t="s">
        <v>15</v>
      </c>
      <c r="E97" s="80" t="s">
        <v>16</v>
      </c>
      <c r="F97" s="73">
        <v>0.48263888888888901</v>
      </c>
      <c r="G97" s="62" t="s">
        <v>17</v>
      </c>
      <c r="H97" s="9">
        <v>0.46180555555555602</v>
      </c>
      <c r="I97" s="9">
        <v>0.46875</v>
      </c>
      <c r="J97" s="24"/>
      <c r="K97" s="80">
        <v>6</v>
      </c>
      <c r="L97" s="80" t="s">
        <v>19</v>
      </c>
      <c r="M97" s="80" t="s">
        <v>57</v>
      </c>
      <c r="N97" s="80" t="s">
        <v>15</v>
      </c>
      <c r="O97" s="80" t="s">
        <v>16</v>
      </c>
      <c r="P97" s="73">
        <v>0.48263888888888901</v>
      </c>
      <c r="Q97" s="62" t="s">
        <v>17</v>
      </c>
      <c r="R97" s="9">
        <v>0.46180555555555602</v>
      </c>
      <c r="S97" s="9">
        <v>0.46875</v>
      </c>
    </row>
    <row r="98" spans="1:19" ht="16.5" customHeight="1">
      <c r="A98" s="81"/>
      <c r="B98" s="81"/>
      <c r="C98" s="81"/>
      <c r="D98" s="81"/>
      <c r="E98" s="81"/>
      <c r="F98" s="74"/>
      <c r="G98" s="62" t="s">
        <v>18</v>
      </c>
      <c r="H98" s="9">
        <v>0.46875</v>
      </c>
      <c r="I98" s="9">
        <v>0.47569444444444398</v>
      </c>
      <c r="J98" s="24"/>
      <c r="K98" s="81"/>
      <c r="L98" s="81"/>
      <c r="M98" s="81"/>
      <c r="N98" s="81"/>
      <c r="O98" s="81"/>
      <c r="P98" s="74"/>
      <c r="Q98" s="62" t="s">
        <v>18</v>
      </c>
      <c r="R98" s="9">
        <v>0.46875</v>
      </c>
      <c r="S98" s="9">
        <v>0.47569444444444398</v>
      </c>
    </row>
    <row r="99" spans="1:19" ht="16.5" customHeight="1">
      <c r="A99" s="82"/>
      <c r="B99" s="82"/>
      <c r="C99" s="82"/>
      <c r="D99" s="82"/>
      <c r="E99" s="82"/>
      <c r="F99" s="75"/>
      <c r="G99" s="8">
        <v>5</v>
      </c>
      <c r="H99" s="9">
        <v>0.47569444444444398</v>
      </c>
      <c r="I99" s="9">
        <v>0.48263888888888901</v>
      </c>
      <c r="J99" s="24"/>
      <c r="K99" s="82"/>
      <c r="L99" s="82"/>
      <c r="M99" s="82"/>
      <c r="N99" s="82"/>
      <c r="O99" s="82"/>
      <c r="P99" s="75"/>
      <c r="Q99" s="8">
        <v>5</v>
      </c>
      <c r="R99" s="9">
        <v>0.47569444444444398</v>
      </c>
      <c r="S99" s="9">
        <v>0.48263888888888901</v>
      </c>
    </row>
    <row r="100" spans="1:19" ht="16.5" customHeight="1">
      <c r="A100" s="6">
        <v>7</v>
      </c>
      <c r="B100" s="6" t="s">
        <v>13</v>
      </c>
      <c r="C100" s="6" t="s">
        <v>44</v>
      </c>
      <c r="D100" s="6" t="s">
        <v>40</v>
      </c>
      <c r="E100" s="6" t="s">
        <v>41</v>
      </c>
      <c r="F100" s="7">
        <v>0.51041666666666696</v>
      </c>
      <c r="G100" s="62" t="s">
        <v>17</v>
      </c>
      <c r="H100" s="9">
        <v>0.48958333333333298</v>
      </c>
      <c r="I100" s="9">
        <v>0.49652777777777801</v>
      </c>
      <c r="J100" s="24"/>
      <c r="K100" s="6">
        <v>7</v>
      </c>
      <c r="L100" s="6" t="s">
        <v>13</v>
      </c>
      <c r="M100" s="6" t="s">
        <v>44</v>
      </c>
      <c r="N100" s="6" t="s">
        <v>40</v>
      </c>
      <c r="O100" s="6" t="s">
        <v>41</v>
      </c>
      <c r="P100" s="7">
        <v>0.51041666666666696</v>
      </c>
      <c r="Q100" s="62" t="s">
        <v>17</v>
      </c>
      <c r="R100" s="9">
        <v>0.48958333333333298</v>
      </c>
      <c r="S100" s="9">
        <v>0.49652777777777801</v>
      </c>
    </row>
    <row r="101" spans="1:19" ht="16.5" customHeight="1">
      <c r="A101" s="6">
        <v>8</v>
      </c>
      <c r="B101" s="6" t="s">
        <v>19</v>
      </c>
      <c r="C101" s="6" t="s">
        <v>44</v>
      </c>
      <c r="D101" s="6" t="s">
        <v>40</v>
      </c>
      <c r="E101" s="6" t="s">
        <v>41</v>
      </c>
      <c r="F101" s="7">
        <v>0.52083333333333304</v>
      </c>
      <c r="G101" s="62" t="s">
        <v>17</v>
      </c>
      <c r="H101" s="9">
        <v>0.5</v>
      </c>
      <c r="I101" s="9">
        <v>0.50694444444444398</v>
      </c>
      <c r="J101" s="24"/>
      <c r="K101" s="6">
        <v>8</v>
      </c>
      <c r="L101" s="6" t="s">
        <v>19</v>
      </c>
      <c r="M101" s="6" t="s">
        <v>44</v>
      </c>
      <c r="N101" s="6" t="s">
        <v>40</v>
      </c>
      <c r="O101" s="6" t="s">
        <v>41</v>
      </c>
      <c r="P101" s="7">
        <v>0.52083333333333304</v>
      </c>
      <c r="Q101" s="62" t="s">
        <v>17</v>
      </c>
      <c r="R101" s="9">
        <v>0.5</v>
      </c>
      <c r="S101" s="9">
        <v>0.50694444444444398</v>
      </c>
    </row>
    <row r="102" spans="1:19" ht="16.5" customHeight="1">
      <c r="A102" s="6">
        <v>9</v>
      </c>
      <c r="B102" s="6" t="s">
        <v>13</v>
      </c>
      <c r="C102" s="6" t="s">
        <v>56</v>
      </c>
      <c r="D102" s="6" t="s">
        <v>40</v>
      </c>
      <c r="E102" s="6" t="s">
        <v>41</v>
      </c>
      <c r="F102" s="7">
        <v>0.53125</v>
      </c>
      <c r="G102" s="62" t="s">
        <v>17</v>
      </c>
      <c r="H102" s="9">
        <v>0.51041666666666696</v>
      </c>
      <c r="I102" s="9">
        <v>0.51736111111111105</v>
      </c>
      <c r="J102" s="24"/>
      <c r="K102" s="6">
        <v>9</v>
      </c>
      <c r="L102" s="6" t="s">
        <v>13</v>
      </c>
      <c r="M102" s="6" t="s">
        <v>56</v>
      </c>
      <c r="N102" s="6" t="s">
        <v>40</v>
      </c>
      <c r="O102" s="6" t="s">
        <v>41</v>
      </c>
      <c r="P102" s="7">
        <v>0.53125</v>
      </c>
      <c r="Q102" s="62" t="s">
        <v>17</v>
      </c>
      <c r="R102" s="9">
        <v>0.51041666666666696</v>
      </c>
      <c r="S102" s="9">
        <v>0.51736111111111105</v>
      </c>
    </row>
    <row r="103" spans="1:19" ht="16.5" customHeight="1">
      <c r="A103" s="6">
        <v>10</v>
      </c>
      <c r="B103" s="6" t="s">
        <v>19</v>
      </c>
      <c r="C103" s="6" t="s">
        <v>56</v>
      </c>
      <c r="D103" s="6" t="s">
        <v>40</v>
      </c>
      <c r="E103" s="6" t="s">
        <v>41</v>
      </c>
      <c r="F103" s="7">
        <v>0.53819444444444398</v>
      </c>
      <c r="G103" s="62" t="s">
        <v>17</v>
      </c>
      <c r="H103" s="9">
        <v>0.51736111111111105</v>
      </c>
      <c r="I103" s="9">
        <v>0.52430555555555602</v>
      </c>
      <c r="J103" s="24"/>
      <c r="K103" s="6">
        <v>10</v>
      </c>
      <c r="L103" s="6" t="s">
        <v>19</v>
      </c>
      <c r="M103" s="6" t="s">
        <v>56</v>
      </c>
      <c r="N103" s="6" t="s">
        <v>40</v>
      </c>
      <c r="O103" s="6" t="s">
        <v>41</v>
      </c>
      <c r="P103" s="7">
        <v>0.53819444444444398</v>
      </c>
      <c r="Q103" s="62" t="s">
        <v>17</v>
      </c>
      <c r="R103" s="9">
        <v>0.51736111111111105</v>
      </c>
      <c r="S103" s="9">
        <v>0.52430555555555602</v>
      </c>
    </row>
    <row r="104" spans="1:19" ht="16.5" customHeight="1">
      <c r="A104" s="56">
        <v>11</v>
      </c>
      <c r="B104" s="56" t="s">
        <v>19</v>
      </c>
      <c r="C104" s="56" t="s">
        <v>63</v>
      </c>
      <c r="D104" s="56" t="s">
        <v>24</v>
      </c>
      <c r="E104" s="56"/>
      <c r="F104" s="54">
        <v>0.55208333333333304</v>
      </c>
      <c r="G104" s="56">
        <v>1</v>
      </c>
      <c r="H104" s="54">
        <v>0.53125</v>
      </c>
      <c r="I104" s="54">
        <v>0.53819444444444398</v>
      </c>
      <c r="J104" s="24"/>
      <c r="K104" s="6">
        <v>11</v>
      </c>
      <c r="L104" s="6" t="s">
        <v>13</v>
      </c>
      <c r="M104" s="6" t="s">
        <v>57</v>
      </c>
      <c r="N104" s="6" t="s">
        <v>40</v>
      </c>
      <c r="O104" s="6" t="s">
        <v>41</v>
      </c>
      <c r="P104" s="7">
        <v>0.57291666666666696</v>
      </c>
      <c r="Q104" s="62" t="s">
        <v>17</v>
      </c>
      <c r="R104" s="9">
        <v>0.55208333333333304</v>
      </c>
      <c r="S104" s="9">
        <v>0.55902777777777801</v>
      </c>
    </row>
    <row r="105" spans="1:19" ht="16.5" customHeight="1">
      <c r="A105" s="6">
        <v>12</v>
      </c>
      <c r="B105" s="6" t="s">
        <v>13</v>
      </c>
      <c r="C105" s="6" t="s">
        <v>57</v>
      </c>
      <c r="D105" s="6" t="s">
        <v>40</v>
      </c>
      <c r="E105" s="6" t="s">
        <v>41</v>
      </c>
      <c r="F105" s="7">
        <v>0.57291666666666696</v>
      </c>
      <c r="G105" s="62" t="s">
        <v>17</v>
      </c>
      <c r="H105" s="9">
        <v>0.55208333333333304</v>
      </c>
      <c r="I105" s="9">
        <v>0.55902777777777801</v>
      </c>
      <c r="J105" s="24"/>
      <c r="K105" s="6">
        <v>12</v>
      </c>
      <c r="L105" s="6" t="s">
        <v>19</v>
      </c>
      <c r="M105" s="6" t="s">
        <v>57</v>
      </c>
      <c r="N105" s="6" t="s">
        <v>40</v>
      </c>
      <c r="O105" s="6" t="s">
        <v>41</v>
      </c>
      <c r="P105" s="7">
        <v>0.58333333333333304</v>
      </c>
      <c r="Q105" s="62" t="s">
        <v>17</v>
      </c>
      <c r="R105" s="9">
        <v>0.5625</v>
      </c>
      <c r="S105" s="9">
        <v>0.56944444444444398</v>
      </c>
    </row>
    <row r="106" spans="1:19" ht="16.5" customHeight="1">
      <c r="A106" s="6">
        <v>13</v>
      </c>
      <c r="B106" s="6" t="s">
        <v>19</v>
      </c>
      <c r="C106" s="6" t="s">
        <v>57</v>
      </c>
      <c r="D106" s="6" t="s">
        <v>40</v>
      </c>
      <c r="E106" s="6" t="s">
        <v>41</v>
      </c>
      <c r="F106" s="7">
        <v>0.58333333333333304</v>
      </c>
      <c r="G106" s="62" t="s">
        <v>17</v>
      </c>
      <c r="H106" s="9">
        <v>0.5625</v>
      </c>
      <c r="I106" s="9">
        <v>0.56944444444444398</v>
      </c>
      <c r="J106" s="24"/>
      <c r="K106" s="8">
        <v>13</v>
      </c>
      <c r="L106" s="8" t="s">
        <v>13</v>
      </c>
      <c r="M106" s="8" t="s">
        <v>44</v>
      </c>
      <c r="N106" s="8" t="s">
        <v>24</v>
      </c>
      <c r="O106" s="8"/>
      <c r="P106" s="9">
        <v>0.60069444444444398</v>
      </c>
      <c r="Q106" s="8">
        <v>1</v>
      </c>
      <c r="R106" s="9">
        <v>0.57986111111111105</v>
      </c>
      <c r="S106" s="9">
        <v>0.58680555555555602</v>
      </c>
    </row>
    <row r="107" spans="1:19" ht="16.5" customHeight="1">
      <c r="A107" s="8">
        <v>14</v>
      </c>
      <c r="B107" s="8" t="s">
        <v>13</v>
      </c>
      <c r="C107" s="8" t="s">
        <v>44</v>
      </c>
      <c r="D107" s="8" t="s">
        <v>24</v>
      </c>
      <c r="E107" s="8"/>
      <c r="F107" s="9">
        <v>0.60069444444444398</v>
      </c>
      <c r="G107" s="8">
        <v>1</v>
      </c>
      <c r="H107" s="9">
        <v>0.57986111111111105</v>
      </c>
      <c r="I107" s="9">
        <v>0.58680555555555602</v>
      </c>
      <c r="J107" s="24"/>
      <c r="K107" s="8">
        <v>14</v>
      </c>
      <c r="L107" s="8" t="s">
        <v>19</v>
      </c>
      <c r="M107" s="8" t="s">
        <v>44</v>
      </c>
      <c r="N107" s="8" t="s">
        <v>24</v>
      </c>
      <c r="O107" s="8"/>
      <c r="P107" s="9">
        <v>0.60763888888888895</v>
      </c>
      <c r="Q107" s="8">
        <v>1</v>
      </c>
      <c r="R107" s="9">
        <v>0.58680555555555602</v>
      </c>
      <c r="S107" s="9">
        <v>0.59375</v>
      </c>
    </row>
    <row r="108" spans="1:19" ht="16.5" customHeight="1">
      <c r="A108" s="8">
        <v>15</v>
      </c>
      <c r="B108" s="8" t="s">
        <v>19</v>
      </c>
      <c r="C108" s="8" t="s">
        <v>44</v>
      </c>
      <c r="D108" s="8" t="s">
        <v>24</v>
      </c>
      <c r="E108" s="8"/>
      <c r="F108" s="9">
        <v>0.60763888888888895</v>
      </c>
      <c r="G108" s="8">
        <v>1</v>
      </c>
      <c r="H108" s="9">
        <v>0.58680555555555602</v>
      </c>
      <c r="I108" s="9">
        <v>0.59375</v>
      </c>
      <c r="J108" s="24"/>
      <c r="K108" s="8">
        <v>15</v>
      </c>
      <c r="L108" s="8" t="s">
        <v>13</v>
      </c>
      <c r="M108" s="8" t="s">
        <v>56</v>
      </c>
      <c r="N108" s="8" t="s">
        <v>24</v>
      </c>
      <c r="O108" s="8"/>
      <c r="P108" s="9">
        <v>0.61805555555555602</v>
      </c>
      <c r="Q108" s="8">
        <v>1</v>
      </c>
      <c r="R108" s="9">
        <v>0.59722222222222199</v>
      </c>
      <c r="S108" s="9">
        <v>0.60416666666666696</v>
      </c>
    </row>
    <row r="109" spans="1:19" ht="16.5" customHeight="1">
      <c r="A109" s="8">
        <v>16</v>
      </c>
      <c r="B109" s="8" t="s">
        <v>13</v>
      </c>
      <c r="C109" s="8" t="s">
        <v>56</v>
      </c>
      <c r="D109" s="8" t="s">
        <v>24</v>
      </c>
      <c r="E109" s="8"/>
      <c r="F109" s="9">
        <v>0.61805555555555602</v>
      </c>
      <c r="G109" s="8">
        <v>1</v>
      </c>
      <c r="H109" s="9">
        <v>0.59722222222222199</v>
      </c>
      <c r="I109" s="9">
        <v>0.60416666666666696</v>
      </c>
      <c r="J109" s="24"/>
      <c r="K109" s="8">
        <v>16</v>
      </c>
      <c r="L109" s="8" t="s">
        <v>19</v>
      </c>
      <c r="M109" s="8" t="s">
        <v>56</v>
      </c>
      <c r="N109" s="8" t="s">
        <v>24</v>
      </c>
      <c r="O109" s="8"/>
      <c r="P109" s="9">
        <v>0.625</v>
      </c>
      <c r="Q109" s="8">
        <v>1</v>
      </c>
      <c r="R109" s="9">
        <v>0.60416666666666696</v>
      </c>
      <c r="S109" s="9">
        <v>0.61111111111111105</v>
      </c>
    </row>
    <row r="110" spans="1:19" ht="16.5" customHeight="1">
      <c r="A110" s="8">
        <v>17</v>
      </c>
      <c r="B110" s="8" t="s">
        <v>19</v>
      </c>
      <c r="C110" s="8" t="s">
        <v>56</v>
      </c>
      <c r="D110" s="8" t="s">
        <v>24</v>
      </c>
      <c r="E110" s="8"/>
      <c r="F110" s="9">
        <v>0.625</v>
      </c>
      <c r="G110" s="8">
        <v>1</v>
      </c>
      <c r="H110" s="9">
        <v>0.60416666666666696</v>
      </c>
      <c r="I110" s="9">
        <v>0.61111111111111105</v>
      </c>
      <c r="J110" s="24"/>
      <c r="K110" s="80">
        <v>17</v>
      </c>
      <c r="L110" s="80" t="s">
        <v>19</v>
      </c>
      <c r="M110" s="80" t="s">
        <v>58</v>
      </c>
      <c r="N110" s="80" t="s">
        <v>15</v>
      </c>
      <c r="O110" s="80" t="s">
        <v>21</v>
      </c>
      <c r="P110" s="73">
        <v>0.63541666666666696</v>
      </c>
      <c r="Q110" s="8">
        <v>1</v>
      </c>
      <c r="R110" s="9">
        <v>0.61458333333333304</v>
      </c>
      <c r="S110" s="9">
        <v>0.62152777777777801</v>
      </c>
    </row>
    <row r="111" spans="1:19" ht="16.5" customHeight="1">
      <c r="A111" s="80">
        <v>18</v>
      </c>
      <c r="B111" s="80" t="s">
        <v>19</v>
      </c>
      <c r="C111" s="80" t="s">
        <v>58</v>
      </c>
      <c r="D111" s="80" t="s">
        <v>15</v>
      </c>
      <c r="E111" s="80" t="s">
        <v>21</v>
      </c>
      <c r="F111" s="73">
        <v>0.63541666666666696</v>
      </c>
      <c r="G111" s="8">
        <v>1</v>
      </c>
      <c r="H111" s="9">
        <v>0.61458333333333304</v>
      </c>
      <c r="I111" s="9">
        <v>0.62152777777777801</v>
      </c>
      <c r="J111" s="24"/>
      <c r="K111" s="82"/>
      <c r="L111" s="82"/>
      <c r="M111" s="82"/>
      <c r="N111" s="82"/>
      <c r="O111" s="82"/>
      <c r="P111" s="75"/>
      <c r="Q111" s="8">
        <v>2</v>
      </c>
      <c r="R111" s="9">
        <v>0.625</v>
      </c>
      <c r="S111" s="9">
        <v>0.63194444444444398</v>
      </c>
    </row>
    <row r="112" spans="1:19" ht="16.5" customHeight="1">
      <c r="A112" s="82"/>
      <c r="B112" s="82"/>
      <c r="C112" s="82"/>
      <c r="D112" s="82"/>
      <c r="E112" s="82"/>
      <c r="F112" s="75"/>
      <c r="G112" s="8">
        <v>2</v>
      </c>
      <c r="H112" s="9">
        <v>0.625</v>
      </c>
      <c r="I112" s="9">
        <v>0.63194444444444398</v>
      </c>
      <c r="J112" s="24"/>
      <c r="K112" s="80">
        <v>18</v>
      </c>
      <c r="L112" s="80" t="s">
        <v>13</v>
      </c>
      <c r="M112" s="80" t="s">
        <v>59</v>
      </c>
      <c r="N112" s="80" t="s">
        <v>54</v>
      </c>
      <c r="O112" s="80" t="s">
        <v>39</v>
      </c>
      <c r="P112" s="73">
        <v>0.66319444444444398</v>
      </c>
      <c r="Q112" s="8" t="s">
        <v>17</v>
      </c>
      <c r="R112" s="19" t="s">
        <v>46</v>
      </c>
      <c r="S112" s="9">
        <v>0.64930555555555602</v>
      </c>
    </row>
    <row r="113" spans="1:20" ht="16.5" customHeight="1">
      <c r="A113" s="80">
        <v>19</v>
      </c>
      <c r="B113" s="80" t="s">
        <v>13</v>
      </c>
      <c r="C113" s="80" t="s">
        <v>59</v>
      </c>
      <c r="D113" s="80" t="s">
        <v>54</v>
      </c>
      <c r="E113" s="80" t="s">
        <v>39</v>
      </c>
      <c r="F113" s="73">
        <v>0.66319444444444398</v>
      </c>
      <c r="G113" s="8" t="s">
        <v>17</v>
      </c>
      <c r="H113" s="19" t="s">
        <v>46</v>
      </c>
      <c r="I113" s="9">
        <v>0.64930555555555602</v>
      </c>
      <c r="J113" s="24"/>
      <c r="K113" s="82"/>
      <c r="L113" s="82"/>
      <c r="M113" s="82"/>
      <c r="N113" s="82"/>
      <c r="O113" s="82"/>
      <c r="P113" s="75"/>
      <c r="Q113" s="8">
        <v>3</v>
      </c>
      <c r="R113" s="19" t="s">
        <v>46</v>
      </c>
      <c r="S113" s="9">
        <v>0.65625</v>
      </c>
    </row>
    <row r="114" spans="1:20" ht="16.5" customHeight="1">
      <c r="A114" s="82"/>
      <c r="B114" s="82"/>
      <c r="C114" s="82"/>
      <c r="D114" s="82"/>
      <c r="E114" s="82"/>
      <c r="F114" s="75"/>
      <c r="G114" s="8">
        <v>3</v>
      </c>
      <c r="H114" s="19" t="s">
        <v>46</v>
      </c>
      <c r="I114" s="9">
        <v>0.65625</v>
      </c>
      <c r="J114" s="24"/>
      <c r="K114" s="8">
        <v>19</v>
      </c>
      <c r="L114" s="8" t="s">
        <v>19</v>
      </c>
      <c r="M114" s="8" t="s">
        <v>60</v>
      </c>
      <c r="N114" s="8" t="s">
        <v>38</v>
      </c>
      <c r="O114" s="8" t="s">
        <v>61</v>
      </c>
      <c r="P114" s="9">
        <v>0.67708333333333304</v>
      </c>
      <c r="Q114" s="8">
        <v>1</v>
      </c>
      <c r="R114" s="19" t="s">
        <v>46</v>
      </c>
      <c r="S114" s="9">
        <v>0.66319444444444398</v>
      </c>
    </row>
    <row r="115" spans="1:20" ht="16.5" customHeight="1">
      <c r="A115" s="8">
        <v>20</v>
      </c>
      <c r="B115" s="8" t="s">
        <v>19</v>
      </c>
      <c r="C115" s="8" t="s">
        <v>60</v>
      </c>
      <c r="D115" s="8" t="s">
        <v>38</v>
      </c>
      <c r="E115" s="8" t="s">
        <v>61</v>
      </c>
      <c r="F115" s="9">
        <v>0.67708333333333304</v>
      </c>
      <c r="G115" s="8">
        <v>1</v>
      </c>
      <c r="H115" s="19" t="s">
        <v>46</v>
      </c>
      <c r="I115" s="9">
        <v>0.66319444444444398</v>
      </c>
      <c r="J115" s="24"/>
      <c r="K115" s="80">
        <v>20</v>
      </c>
      <c r="L115" s="80" t="s">
        <v>13</v>
      </c>
      <c r="M115" s="80" t="s">
        <v>62</v>
      </c>
      <c r="N115" s="80" t="s">
        <v>15</v>
      </c>
      <c r="O115" s="80" t="s">
        <v>16</v>
      </c>
      <c r="P115" s="73">
        <v>0.69097222222222199</v>
      </c>
      <c r="Q115" s="62" t="s">
        <v>17</v>
      </c>
      <c r="R115" s="9">
        <v>0.67013888888888895</v>
      </c>
      <c r="S115" s="9">
        <v>0.67708333333333304</v>
      </c>
    </row>
    <row r="116" spans="1:20" ht="16.5" customHeight="1">
      <c r="A116" s="80">
        <v>21</v>
      </c>
      <c r="B116" s="80" t="s">
        <v>13</v>
      </c>
      <c r="C116" s="80" t="s">
        <v>62</v>
      </c>
      <c r="D116" s="80" t="s">
        <v>15</v>
      </c>
      <c r="E116" s="80" t="s">
        <v>16</v>
      </c>
      <c r="F116" s="73">
        <v>0.69097222222222199</v>
      </c>
      <c r="G116" s="62" t="s">
        <v>17</v>
      </c>
      <c r="H116" s="9">
        <v>0.67013888888888895</v>
      </c>
      <c r="I116" s="9">
        <v>0.67708333333333304</v>
      </c>
      <c r="J116" s="24"/>
      <c r="K116" s="81"/>
      <c r="L116" s="81"/>
      <c r="M116" s="81"/>
      <c r="N116" s="81"/>
      <c r="O116" s="81"/>
      <c r="P116" s="74"/>
      <c r="Q116" s="62" t="s">
        <v>18</v>
      </c>
      <c r="R116" s="9">
        <v>0.67708333333333304</v>
      </c>
      <c r="S116" s="9">
        <v>0.68402777777777801</v>
      </c>
    </row>
    <row r="117" spans="1:20" ht="16.5" customHeight="1">
      <c r="A117" s="81"/>
      <c r="B117" s="81"/>
      <c r="C117" s="81"/>
      <c r="D117" s="81"/>
      <c r="E117" s="81"/>
      <c r="F117" s="74"/>
      <c r="G117" s="62" t="s">
        <v>18</v>
      </c>
      <c r="H117" s="9">
        <v>0.67708333333333304</v>
      </c>
      <c r="I117" s="9">
        <v>0.68402777777777801</v>
      </c>
      <c r="J117" s="24"/>
      <c r="K117" s="82"/>
      <c r="L117" s="82"/>
      <c r="M117" s="82"/>
      <c r="N117" s="82"/>
      <c r="O117" s="82"/>
      <c r="P117" s="75"/>
      <c r="Q117" s="8">
        <v>5</v>
      </c>
      <c r="R117" s="9">
        <v>0.68402777777777801</v>
      </c>
      <c r="S117" s="9">
        <v>0.69097222222222199</v>
      </c>
    </row>
    <row r="118" spans="1:20" ht="16.5" customHeight="1">
      <c r="A118" s="82"/>
      <c r="B118" s="82"/>
      <c r="C118" s="82"/>
      <c r="D118" s="82"/>
      <c r="E118" s="82"/>
      <c r="F118" s="75"/>
      <c r="G118" s="8">
        <v>5</v>
      </c>
      <c r="H118" s="9">
        <v>0.68402777777777801</v>
      </c>
      <c r="I118" s="9">
        <v>0.69097222222222199</v>
      </c>
      <c r="J118" s="24"/>
      <c r="K118" s="83">
        <v>21</v>
      </c>
      <c r="L118" s="83" t="s">
        <v>19</v>
      </c>
      <c r="M118" s="83" t="s">
        <v>62</v>
      </c>
      <c r="N118" s="83" t="s">
        <v>15</v>
      </c>
      <c r="O118" s="83" t="s">
        <v>16</v>
      </c>
      <c r="P118" s="76">
        <v>0.71875</v>
      </c>
      <c r="Q118" s="62" t="s">
        <v>17</v>
      </c>
      <c r="R118" s="9">
        <v>0.69791666666666696</v>
      </c>
      <c r="S118" s="9">
        <v>0.70486111111111105</v>
      </c>
    </row>
    <row r="119" spans="1:20" ht="16.5" customHeight="1">
      <c r="A119" s="83">
        <v>22</v>
      </c>
      <c r="B119" s="83" t="s">
        <v>19</v>
      </c>
      <c r="C119" s="83" t="s">
        <v>62</v>
      </c>
      <c r="D119" s="83" t="s">
        <v>15</v>
      </c>
      <c r="E119" s="83" t="s">
        <v>16</v>
      </c>
      <c r="F119" s="76">
        <v>0.71875</v>
      </c>
      <c r="G119" s="62" t="s">
        <v>17</v>
      </c>
      <c r="H119" s="9">
        <v>0.69791666666666696</v>
      </c>
      <c r="I119" s="9">
        <v>0.70486111111111105</v>
      </c>
      <c r="K119" s="83"/>
      <c r="L119" s="83"/>
      <c r="M119" s="83"/>
      <c r="N119" s="83"/>
      <c r="O119" s="83"/>
      <c r="P119" s="76"/>
      <c r="Q119" s="62" t="s">
        <v>18</v>
      </c>
      <c r="R119" s="9">
        <v>0.70486111111111105</v>
      </c>
      <c r="S119" s="9">
        <v>0.71180555555555503</v>
      </c>
    </row>
    <row r="120" spans="1:20" ht="16.5" customHeight="1">
      <c r="A120" s="83"/>
      <c r="B120" s="83"/>
      <c r="C120" s="83"/>
      <c r="D120" s="83"/>
      <c r="E120" s="83"/>
      <c r="F120" s="76"/>
      <c r="G120" s="62" t="s">
        <v>18</v>
      </c>
      <c r="H120" s="9">
        <v>0.70486111111111105</v>
      </c>
      <c r="I120" s="9">
        <v>0.71180555555555503</v>
      </c>
      <c r="K120" s="83"/>
      <c r="L120" s="83"/>
      <c r="M120" s="83"/>
      <c r="N120" s="83"/>
      <c r="O120" s="83"/>
      <c r="P120" s="76"/>
      <c r="Q120" s="8">
        <v>5</v>
      </c>
      <c r="R120" s="9">
        <v>0.71180555555555503</v>
      </c>
      <c r="S120" s="9">
        <v>0.71875</v>
      </c>
    </row>
    <row r="121" spans="1:20" ht="16.5" customHeight="1">
      <c r="A121" s="83"/>
      <c r="B121" s="83"/>
      <c r="C121" s="83"/>
      <c r="D121" s="83"/>
      <c r="E121" s="83"/>
      <c r="F121" s="76"/>
      <c r="G121" s="8">
        <v>5</v>
      </c>
      <c r="H121" s="9">
        <v>0.71180555555555503</v>
      </c>
      <c r="I121" s="9">
        <v>0.71875</v>
      </c>
      <c r="K121" s="56">
        <v>22</v>
      </c>
      <c r="L121" s="56" t="s">
        <v>19</v>
      </c>
      <c r="M121" s="56" t="s">
        <v>63</v>
      </c>
      <c r="N121" s="56" t="s">
        <v>24</v>
      </c>
      <c r="O121" s="56"/>
      <c r="P121" s="54">
        <v>0.75</v>
      </c>
      <c r="Q121" s="56">
        <v>1</v>
      </c>
      <c r="R121" s="54">
        <v>0.72916666666666696</v>
      </c>
      <c r="S121" s="54">
        <v>0.73611111111111105</v>
      </c>
      <c r="T121" s="1" t="s">
        <v>86</v>
      </c>
    </row>
    <row r="122" spans="1:20" ht="16.5" customHeight="1">
      <c r="A122" s="10"/>
      <c r="B122" s="10"/>
      <c r="C122" s="10"/>
      <c r="D122" s="10"/>
      <c r="E122" s="10"/>
      <c r="F122" s="11"/>
      <c r="G122" s="10"/>
      <c r="H122" s="11"/>
      <c r="I122" s="11"/>
      <c r="Q122" s="11"/>
      <c r="R122" s="1" t="s">
        <v>87</v>
      </c>
      <c r="S122" s="1"/>
    </row>
    <row r="123" spans="1:20" ht="16.5" customHeight="1">
      <c r="A123" s="10"/>
      <c r="B123" s="10"/>
      <c r="C123" s="10"/>
      <c r="D123" s="10"/>
      <c r="E123" s="10"/>
      <c r="F123" s="11"/>
      <c r="G123" s="10"/>
      <c r="H123" s="11"/>
      <c r="I123" s="11"/>
      <c r="Q123" s="11"/>
      <c r="R123" s="1"/>
      <c r="S123" s="1"/>
    </row>
    <row r="124" spans="1:20" ht="16.5" customHeight="1">
      <c r="A124" s="1" t="s">
        <v>25</v>
      </c>
      <c r="K124" s="1" t="s">
        <v>25</v>
      </c>
    </row>
    <row r="125" spans="1:20" ht="16.5" customHeight="1">
      <c r="A125" s="4" t="s">
        <v>4</v>
      </c>
      <c r="B125" s="4" t="s">
        <v>5</v>
      </c>
      <c r="C125" s="4" t="s">
        <v>6</v>
      </c>
      <c r="D125" s="4" t="s">
        <v>7</v>
      </c>
      <c r="E125" s="4" t="s">
        <v>26</v>
      </c>
      <c r="F125" s="5" t="s">
        <v>9</v>
      </c>
      <c r="G125" s="4" t="s">
        <v>10</v>
      </c>
      <c r="H125" s="5" t="s">
        <v>11</v>
      </c>
      <c r="I125" s="5" t="s">
        <v>12</v>
      </c>
      <c r="K125" s="4" t="s">
        <v>4</v>
      </c>
      <c r="L125" s="4" t="s">
        <v>5</v>
      </c>
      <c r="M125" s="4" t="s">
        <v>6</v>
      </c>
      <c r="N125" s="4" t="s">
        <v>7</v>
      </c>
      <c r="O125" s="4" t="s">
        <v>26</v>
      </c>
      <c r="P125" s="5" t="s">
        <v>9</v>
      </c>
      <c r="Q125" s="4" t="s">
        <v>10</v>
      </c>
      <c r="R125" s="5" t="s">
        <v>11</v>
      </c>
      <c r="S125" s="5" t="s">
        <v>12</v>
      </c>
    </row>
    <row r="126" spans="1:20" ht="16.5" customHeight="1">
      <c r="A126" s="8">
        <v>1</v>
      </c>
      <c r="B126" s="8" t="s">
        <v>13</v>
      </c>
      <c r="C126" s="23" t="s">
        <v>64</v>
      </c>
      <c r="D126" s="8" t="s">
        <v>54</v>
      </c>
      <c r="E126" s="4" t="s">
        <v>88</v>
      </c>
      <c r="F126" s="9">
        <v>0.44444444444444398</v>
      </c>
      <c r="G126" s="8">
        <v>1</v>
      </c>
      <c r="H126" s="19" t="s">
        <v>46</v>
      </c>
      <c r="I126" s="9">
        <v>0.41666666666666702</v>
      </c>
      <c r="K126" s="8">
        <v>1</v>
      </c>
      <c r="L126" s="8" t="s">
        <v>13</v>
      </c>
      <c r="M126" s="23" t="s">
        <v>64</v>
      </c>
      <c r="N126" s="8" t="s">
        <v>54</v>
      </c>
      <c r="O126" s="4" t="s">
        <v>65</v>
      </c>
      <c r="P126" s="9">
        <v>0.44444444444444398</v>
      </c>
      <c r="Q126" s="8">
        <v>1</v>
      </c>
      <c r="R126" s="19" t="s">
        <v>46</v>
      </c>
      <c r="S126" s="9">
        <v>0.41666666666666702</v>
      </c>
    </row>
    <row r="127" spans="1:20" ht="16.5" customHeight="1">
      <c r="A127" s="8">
        <v>2</v>
      </c>
      <c r="B127" s="8" t="s">
        <v>19</v>
      </c>
      <c r="C127" s="8" t="s">
        <v>27</v>
      </c>
      <c r="D127" s="8" t="s">
        <v>24</v>
      </c>
      <c r="E127" s="4" t="s">
        <v>28</v>
      </c>
      <c r="F127" s="9">
        <v>0.44791666666666702</v>
      </c>
      <c r="G127" s="8">
        <v>1</v>
      </c>
      <c r="H127" s="9">
        <v>0.39236111111111099</v>
      </c>
      <c r="I127" s="9">
        <v>0.40625</v>
      </c>
      <c r="K127" s="52">
        <v>2</v>
      </c>
      <c r="L127" s="52" t="s">
        <v>19</v>
      </c>
      <c r="M127" s="52" t="s">
        <v>27</v>
      </c>
      <c r="N127" s="52" t="s">
        <v>24</v>
      </c>
      <c r="O127" s="55" t="s">
        <v>28</v>
      </c>
      <c r="P127" s="53">
        <v>0.44791666666666702</v>
      </c>
      <c r="Q127" s="52">
        <v>1</v>
      </c>
      <c r="R127" s="58">
        <v>0.375</v>
      </c>
      <c r="S127" s="58">
        <v>0.38194444444444398</v>
      </c>
    </row>
    <row r="128" spans="1:20" ht="16.5" customHeight="1">
      <c r="A128" s="8">
        <v>3</v>
      </c>
      <c r="B128" s="8" t="s">
        <v>19</v>
      </c>
      <c r="C128" s="23" t="s">
        <v>66</v>
      </c>
      <c r="D128" s="8" t="s">
        <v>38</v>
      </c>
      <c r="E128" s="4" t="s">
        <v>88</v>
      </c>
      <c r="F128" s="9">
        <v>0.57638888888888895</v>
      </c>
      <c r="G128" s="8">
        <v>1</v>
      </c>
      <c r="H128" s="19" t="s">
        <v>46</v>
      </c>
      <c r="I128" s="9">
        <v>0.54861111111111105</v>
      </c>
      <c r="K128" s="8">
        <v>3</v>
      </c>
      <c r="L128" s="8" t="s">
        <v>19</v>
      </c>
      <c r="M128" s="23" t="s">
        <v>66</v>
      </c>
      <c r="N128" s="8" t="s">
        <v>38</v>
      </c>
      <c r="O128" s="4" t="s">
        <v>65</v>
      </c>
      <c r="P128" s="9">
        <v>0.57638888888888895</v>
      </c>
      <c r="Q128" s="8">
        <v>1</v>
      </c>
      <c r="R128" s="19" t="s">
        <v>46</v>
      </c>
      <c r="S128" s="9">
        <v>0.54861111111111105</v>
      </c>
    </row>
    <row r="129" spans="1:20" ht="16.5" customHeight="1">
      <c r="A129" s="8">
        <v>4</v>
      </c>
      <c r="B129" s="8" t="s">
        <v>19</v>
      </c>
      <c r="C129" s="8" t="s">
        <v>67</v>
      </c>
      <c r="D129" s="8" t="s">
        <v>24</v>
      </c>
      <c r="E129" s="4" t="s">
        <v>49</v>
      </c>
      <c r="F129" s="9">
        <v>0.58333333333333304</v>
      </c>
      <c r="G129" s="8">
        <v>1</v>
      </c>
      <c r="H129" s="9">
        <v>0.54861111111111105</v>
      </c>
      <c r="I129" s="9">
        <v>0.55555555555555602</v>
      </c>
      <c r="K129" s="8">
        <v>4</v>
      </c>
      <c r="L129" s="8" t="s">
        <v>19</v>
      </c>
      <c r="M129" s="8" t="s">
        <v>67</v>
      </c>
      <c r="N129" s="8" t="s">
        <v>24</v>
      </c>
      <c r="O129" s="57" t="s">
        <v>30</v>
      </c>
      <c r="P129" s="9">
        <v>0.58333333333333304</v>
      </c>
      <c r="Q129" s="8">
        <v>1</v>
      </c>
      <c r="R129" s="9">
        <v>0.54861111111111105</v>
      </c>
      <c r="S129" s="9">
        <v>0.55555555555555602</v>
      </c>
    </row>
    <row r="130" spans="1:20" ht="16.5" customHeight="1">
      <c r="A130" s="20"/>
      <c r="B130" s="20"/>
      <c r="C130" s="20"/>
      <c r="D130" s="20"/>
      <c r="E130" s="21"/>
      <c r="F130" s="22"/>
      <c r="G130" s="20"/>
      <c r="H130" s="22"/>
      <c r="I130" s="22"/>
      <c r="K130" s="20"/>
      <c r="L130" s="20"/>
      <c r="M130" s="20"/>
      <c r="N130" s="20"/>
      <c r="O130" s="21"/>
      <c r="P130" s="22"/>
      <c r="Q130" s="20"/>
      <c r="R130" s="22"/>
      <c r="S130" s="22"/>
    </row>
    <row r="131" spans="1:20" ht="16.5" customHeight="1">
      <c r="A131" s="1" t="s">
        <v>31</v>
      </c>
      <c r="B131" s="13"/>
      <c r="C131" s="13"/>
      <c r="D131" s="13"/>
      <c r="E131" s="14"/>
      <c r="F131" s="15"/>
      <c r="G131" s="13"/>
      <c r="H131" s="15"/>
      <c r="I131" s="15"/>
      <c r="K131" s="1" t="s">
        <v>31</v>
      </c>
      <c r="L131" s="13"/>
      <c r="M131" s="13"/>
      <c r="N131" s="13"/>
      <c r="O131" s="14"/>
      <c r="P131" s="15"/>
      <c r="Q131" s="13"/>
      <c r="R131" s="15"/>
      <c r="S131" s="15"/>
    </row>
    <row r="132" spans="1:20" ht="16.5" customHeight="1">
      <c r="A132" s="8">
        <v>1</v>
      </c>
      <c r="B132" s="8" t="s">
        <v>19</v>
      </c>
      <c r="C132" s="8" t="s">
        <v>34</v>
      </c>
      <c r="D132" s="8" t="s">
        <v>24</v>
      </c>
      <c r="E132" s="4" t="s">
        <v>35</v>
      </c>
      <c r="F132" s="9">
        <v>0.39583333333333298</v>
      </c>
      <c r="G132" s="8">
        <v>1</v>
      </c>
      <c r="H132" s="9">
        <v>0.36111111111111099</v>
      </c>
      <c r="I132" s="9">
        <v>0.36805555555555602</v>
      </c>
      <c r="K132" s="8">
        <v>1</v>
      </c>
      <c r="L132" s="8" t="s">
        <v>19</v>
      </c>
      <c r="M132" s="8" t="s">
        <v>34</v>
      </c>
      <c r="N132" s="8" t="s">
        <v>24</v>
      </c>
      <c r="O132" s="4" t="s">
        <v>35</v>
      </c>
      <c r="P132" s="9">
        <v>0.39583333333333298</v>
      </c>
      <c r="Q132" s="8">
        <v>1</v>
      </c>
      <c r="R132" s="9">
        <v>0.36111111111111099</v>
      </c>
      <c r="S132" s="9">
        <v>0.36805555555555602</v>
      </c>
    </row>
    <row r="133" spans="1:20" ht="16.5" customHeight="1">
      <c r="A133" s="8">
        <v>2</v>
      </c>
      <c r="B133" s="8" t="s">
        <v>19</v>
      </c>
      <c r="C133" s="8" t="s">
        <v>68</v>
      </c>
      <c r="D133" s="8" t="s">
        <v>38</v>
      </c>
      <c r="E133" s="4" t="s">
        <v>35</v>
      </c>
      <c r="F133" s="9">
        <v>0.46527777777777801</v>
      </c>
      <c r="G133" s="8">
        <v>1</v>
      </c>
      <c r="H133" s="19" t="s">
        <v>46</v>
      </c>
      <c r="I133" s="9">
        <v>0.4375</v>
      </c>
      <c r="K133" s="8">
        <v>2</v>
      </c>
      <c r="L133" s="8" t="s">
        <v>19</v>
      </c>
      <c r="M133" s="8" t="s">
        <v>68</v>
      </c>
      <c r="N133" s="8" t="s">
        <v>38</v>
      </c>
      <c r="O133" s="4" t="s">
        <v>35</v>
      </c>
      <c r="P133" s="9">
        <v>0.46527777777777801</v>
      </c>
      <c r="Q133" s="8">
        <v>1</v>
      </c>
      <c r="R133" s="19" t="s">
        <v>46</v>
      </c>
      <c r="S133" s="9">
        <v>0.4375</v>
      </c>
    </row>
    <row r="134" spans="1:20" ht="16.5" customHeight="1">
      <c r="A134" s="8">
        <v>3</v>
      </c>
      <c r="B134" s="8" t="s">
        <v>13</v>
      </c>
      <c r="C134" s="8" t="s">
        <v>69</v>
      </c>
      <c r="D134" s="8" t="s">
        <v>54</v>
      </c>
      <c r="E134" s="4" t="s">
        <v>35</v>
      </c>
      <c r="F134" s="9">
        <v>0.5625</v>
      </c>
      <c r="G134" s="8">
        <v>1</v>
      </c>
      <c r="H134" s="19" t="s">
        <v>46</v>
      </c>
      <c r="I134" s="9">
        <v>0.53472222222222199</v>
      </c>
      <c r="K134" s="8">
        <v>3</v>
      </c>
      <c r="L134" s="8" t="s">
        <v>13</v>
      </c>
      <c r="M134" s="8" t="s">
        <v>69</v>
      </c>
      <c r="N134" s="8" t="s">
        <v>54</v>
      </c>
      <c r="O134" s="4" t="s">
        <v>35</v>
      </c>
      <c r="P134" s="9">
        <v>0.5625</v>
      </c>
      <c r="Q134" s="8">
        <v>1</v>
      </c>
      <c r="R134" s="19" t="s">
        <v>46</v>
      </c>
      <c r="S134" s="9">
        <v>0.53472222222222199</v>
      </c>
    </row>
    <row r="135" spans="1:20" ht="16.5" customHeight="1">
      <c r="A135" s="8">
        <v>4</v>
      </c>
      <c r="B135" s="8" t="s">
        <v>13</v>
      </c>
      <c r="C135" s="8" t="s">
        <v>50</v>
      </c>
      <c r="D135" s="8" t="s">
        <v>24</v>
      </c>
      <c r="E135" s="4" t="s">
        <v>35</v>
      </c>
      <c r="F135" s="9">
        <v>0.60416666666666696</v>
      </c>
      <c r="G135" s="8">
        <v>1</v>
      </c>
      <c r="H135" s="9">
        <v>0.56944444444444398</v>
      </c>
      <c r="I135" s="9">
        <v>0.57638888888888895</v>
      </c>
      <c r="K135" s="8">
        <v>4</v>
      </c>
      <c r="L135" s="8" t="s">
        <v>13</v>
      </c>
      <c r="M135" s="8" t="s">
        <v>50</v>
      </c>
      <c r="N135" s="8" t="s">
        <v>24</v>
      </c>
      <c r="O135" s="4" t="s">
        <v>35</v>
      </c>
      <c r="P135" s="9">
        <v>0.60416666666666696</v>
      </c>
      <c r="Q135" s="8">
        <v>1</v>
      </c>
      <c r="R135" s="9">
        <v>0.56944444444444398</v>
      </c>
      <c r="S135" s="9">
        <v>0.57638888888888895</v>
      </c>
    </row>
    <row r="136" spans="1:20" ht="15" customHeight="1">
      <c r="A136" s="2"/>
      <c r="B136" s="2"/>
      <c r="C136" s="2"/>
      <c r="D136" s="2"/>
      <c r="E136" s="2"/>
      <c r="F136" s="2"/>
      <c r="K136" s="2"/>
      <c r="L136" s="2"/>
      <c r="M136" s="2"/>
      <c r="N136" s="2"/>
      <c r="O136" s="2"/>
      <c r="P136" s="2"/>
    </row>
    <row r="137" spans="1:20" ht="27" customHeight="1">
      <c r="A137" s="92" t="s">
        <v>89</v>
      </c>
      <c r="B137" s="92"/>
      <c r="C137" s="92"/>
      <c r="D137" s="92"/>
      <c r="E137" s="92"/>
      <c r="F137" s="92"/>
      <c r="G137" s="92"/>
      <c r="H137" s="92"/>
      <c r="I137" s="92"/>
      <c r="K137" s="92" t="s">
        <v>70</v>
      </c>
      <c r="L137" s="92"/>
      <c r="M137" s="92"/>
      <c r="N137" s="92"/>
      <c r="O137" s="92"/>
      <c r="P137" s="92"/>
      <c r="Q137" s="92"/>
      <c r="R137" s="92"/>
      <c r="S137" s="92"/>
    </row>
    <row r="138" spans="1:20" ht="18.75" customHeight="1">
      <c r="A138" s="1" t="s">
        <v>3</v>
      </c>
      <c r="C138" s="3"/>
      <c r="D138" s="3"/>
      <c r="E138" s="3"/>
      <c r="F138" s="3"/>
      <c r="G138" s="3"/>
      <c r="H138" s="1"/>
      <c r="I138" s="25"/>
      <c r="K138" s="1" t="s">
        <v>3</v>
      </c>
      <c r="M138" s="3"/>
      <c r="N138" s="3"/>
      <c r="O138" s="3"/>
      <c r="P138" s="3"/>
      <c r="Q138" s="3"/>
      <c r="R138" s="1"/>
      <c r="S138" s="25"/>
    </row>
    <row r="139" spans="1:20" ht="18.75" customHeight="1">
      <c r="A139" s="4" t="s">
        <v>4</v>
      </c>
      <c r="B139" s="4" t="s">
        <v>5</v>
      </c>
      <c r="C139" s="4" t="s">
        <v>6</v>
      </c>
      <c r="D139" s="4" t="s">
        <v>7</v>
      </c>
      <c r="E139" s="4" t="s">
        <v>8</v>
      </c>
      <c r="F139" s="5" t="s">
        <v>9</v>
      </c>
      <c r="G139" s="4" t="s">
        <v>10</v>
      </c>
      <c r="H139" s="5" t="s">
        <v>11</v>
      </c>
      <c r="I139" s="5" t="s">
        <v>12</v>
      </c>
      <c r="K139" s="4" t="s">
        <v>4</v>
      </c>
      <c r="L139" s="4" t="s">
        <v>5</v>
      </c>
      <c r="M139" s="4" t="s">
        <v>6</v>
      </c>
      <c r="N139" s="4" t="s">
        <v>7</v>
      </c>
      <c r="O139" s="4" t="s">
        <v>8</v>
      </c>
      <c r="P139" s="5" t="s">
        <v>9</v>
      </c>
      <c r="Q139" s="4" t="s">
        <v>10</v>
      </c>
      <c r="R139" s="5" t="s">
        <v>11</v>
      </c>
      <c r="S139" s="5" t="s">
        <v>12</v>
      </c>
    </row>
    <row r="140" spans="1:20" ht="18.75" customHeight="1">
      <c r="A140" s="8">
        <v>1</v>
      </c>
      <c r="B140" s="8" t="s">
        <v>13</v>
      </c>
      <c r="C140" s="8" t="s">
        <v>62</v>
      </c>
      <c r="D140" s="8" t="s">
        <v>40</v>
      </c>
      <c r="E140" s="8" t="s">
        <v>41</v>
      </c>
      <c r="F140" s="9">
        <v>0.38888888888888901</v>
      </c>
      <c r="G140" s="62" t="s">
        <v>17</v>
      </c>
      <c r="H140" s="9">
        <v>0.36805555555555602</v>
      </c>
      <c r="I140" s="9">
        <v>0.375</v>
      </c>
      <c r="K140" s="8">
        <v>1</v>
      </c>
      <c r="L140" s="8" t="s">
        <v>13</v>
      </c>
      <c r="M140" s="8" t="s">
        <v>62</v>
      </c>
      <c r="N140" s="8" t="s">
        <v>40</v>
      </c>
      <c r="O140" s="8" t="s">
        <v>41</v>
      </c>
      <c r="P140" s="9">
        <v>0.38888888888888901</v>
      </c>
      <c r="Q140" s="62" t="s">
        <v>17</v>
      </c>
      <c r="R140" s="9">
        <v>0.36805555555555602</v>
      </c>
      <c r="S140" s="9">
        <v>0.375</v>
      </c>
    </row>
    <row r="141" spans="1:20" ht="18.75" customHeight="1">
      <c r="A141" s="8">
        <v>2</v>
      </c>
      <c r="B141" s="8" t="s">
        <v>19</v>
      </c>
      <c r="C141" s="8" t="s">
        <v>62</v>
      </c>
      <c r="D141" s="8" t="s">
        <v>40</v>
      </c>
      <c r="E141" s="8" t="s">
        <v>41</v>
      </c>
      <c r="F141" s="9">
        <v>0.40277777777777801</v>
      </c>
      <c r="G141" s="62" t="s">
        <v>17</v>
      </c>
      <c r="H141" s="9">
        <v>0.38194444444444398</v>
      </c>
      <c r="I141" s="9">
        <v>0.38888888888888901</v>
      </c>
      <c r="K141" s="8">
        <v>2</v>
      </c>
      <c r="L141" s="8" t="s">
        <v>19</v>
      </c>
      <c r="M141" s="8" t="s">
        <v>62</v>
      </c>
      <c r="N141" s="8" t="s">
        <v>40</v>
      </c>
      <c r="O141" s="8" t="s">
        <v>41</v>
      </c>
      <c r="P141" s="9">
        <v>0.40277777777777801</v>
      </c>
      <c r="Q141" s="62" t="s">
        <v>17</v>
      </c>
      <c r="R141" s="9">
        <v>0.38194444444444398</v>
      </c>
      <c r="S141" s="9">
        <v>0.38888888888888901</v>
      </c>
    </row>
    <row r="142" spans="1:20" ht="18.75" customHeight="1">
      <c r="A142" s="52">
        <v>3</v>
      </c>
      <c r="B142" s="52" t="s">
        <v>19</v>
      </c>
      <c r="C142" s="52" t="s">
        <v>23</v>
      </c>
      <c r="D142" s="52" t="s">
        <v>24</v>
      </c>
      <c r="E142" s="52"/>
      <c r="F142" s="53">
        <v>0.41666666666666702</v>
      </c>
      <c r="G142" s="52">
        <v>1</v>
      </c>
      <c r="H142" s="53">
        <v>0.39583333333333298</v>
      </c>
      <c r="I142" s="53">
        <v>0.40277777777777801</v>
      </c>
      <c r="K142" s="56">
        <v>3</v>
      </c>
      <c r="L142" s="56" t="s">
        <v>19</v>
      </c>
      <c r="M142" s="56" t="s">
        <v>58</v>
      </c>
      <c r="N142" s="56" t="s">
        <v>24</v>
      </c>
      <c r="O142" s="56"/>
      <c r="P142" s="54">
        <v>0.42013888888888901</v>
      </c>
      <c r="Q142" s="56">
        <v>1</v>
      </c>
      <c r="R142" s="54">
        <v>0.39930555555555602</v>
      </c>
      <c r="S142" s="54">
        <v>0.40625</v>
      </c>
      <c r="T142" s="1" t="s">
        <v>90</v>
      </c>
    </row>
    <row r="143" spans="1:20" ht="18.75" customHeight="1">
      <c r="A143" s="80">
        <v>4</v>
      </c>
      <c r="B143" s="80" t="s">
        <v>13</v>
      </c>
      <c r="C143" s="80" t="s">
        <v>72</v>
      </c>
      <c r="D143" s="80" t="s">
        <v>15</v>
      </c>
      <c r="E143" s="80" t="s">
        <v>16</v>
      </c>
      <c r="F143" s="73">
        <v>0.44444444444444398</v>
      </c>
      <c r="G143" s="62" t="s">
        <v>17</v>
      </c>
      <c r="H143" s="9">
        <v>0.42361111111111099</v>
      </c>
      <c r="I143" s="9">
        <v>0.43055555555555602</v>
      </c>
      <c r="K143" s="56">
        <v>4</v>
      </c>
      <c r="L143" s="56" t="s">
        <v>13</v>
      </c>
      <c r="M143" s="56" t="s">
        <v>71</v>
      </c>
      <c r="N143" s="56" t="s">
        <v>24</v>
      </c>
      <c r="O143" s="56"/>
      <c r="P143" s="54">
        <v>0.4375</v>
      </c>
      <c r="Q143" s="56">
        <v>1</v>
      </c>
      <c r="R143" s="54">
        <v>0.41666666666666702</v>
      </c>
      <c r="S143" s="54">
        <v>0.42361111111111099</v>
      </c>
      <c r="T143" s="1" t="s">
        <v>91</v>
      </c>
    </row>
    <row r="144" spans="1:20" ht="18.75" customHeight="1">
      <c r="A144" s="81"/>
      <c r="B144" s="81"/>
      <c r="C144" s="81"/>
      <c r="D144" s="81"/>
      <c r="E144" s="81"/>
      <c r="F144" s="74"/>
      <c r="G144" s="62" t="s">
        <v>18</v>
      </c>
      <c r="H144" s="9">
        <v>0.43055555555555602</v>
      </c>
      <c r="I144" s="9">
        <v>0.4375</v>
      </c>
      <c r="K144" s="84">
        <v>5</v>
      </c>
      <c r="L144" s="84" t="s">
        <v>13</v>
      </c>
      <c r="M144" s="84" t="s">
        <v>72</v>
      </c>
      <c r="N144" s="84" t="s">
        <v>15</v>
      </c>
      <c r="O144" s="84" t="s">
        <v>16</v>
      </c>
      <c r="P144" s="77">
        <v>0.45138888888888901</v>
      </c>
      <c r="Q144" s="63" t="s">
        <v>17</v>
      </c>
      <c r="R144" s="59">
        <v>0.43055555555555602</v>
      </c>
      <c r="S144" s="59">
        <v>0.4375</v>
      </c>
    </row>
    <row r="145" spans="1:20" ht="18.75" customHeight="1">
      <c r="A145" s="82"/>
      <c r="B145" s="82"/>
      <c r="C145" s="82"/>
      <c r="D145" s="82"/>
      <c r="E145" s="82"/>
      <c r="F145" s="75"/>
      <c r="G145" s="8">
        <v>5</v>
      </c>
      <c r="H145" s="9">
        <v>0.4375</v>
      </c>
      <c r="I145" s="9">
        <v>0.44444444444444398</v>
      </c>
      <c r="K145" s="85"/>
      <c r="L145" s="85"/>
      <c r="M145" s="85"/>
      <c r="N145" s="85"/>
      <c r="O145" s="85"/>
      <c r="P145" s="78"/>
      <c r="Q145" s="63" t="s">
        <v>18</v>
      </c>
      <c r="R145" s="59">
        <v>0.4375</v>
      </c>
      <c r="S145" s="59">
        <v>0.44444444444444398</v>
      </c>
    </row>
    <row r="146" spans="1:20" ht="18.75" customHeight="1">
      <c r="A146" s="80">
        <v>5</v>
      </c>
      <c r="B146" s="80" t="s">
        <v>19</v>
      </c>
      <c r="C146" s="80" t="s">
        <v>72</v>
      </c>
      <c r="D146" s="80" t="s">
        <v>15</v>
      </c>
      <c r="E146" s="80" t="s">
        <v>16</v>
      </c>
      <c r="F146" s="73">
        <v>0.46180555555555602</v>
      </c>
      <c r="G146" s="62" t="s">
        <v>17</v>
      </c>
      <c r="H146" s="9">
        <v>0.44097222222222199</v>
      </c>
      <c r="I146" s="9">
        <v>0.44791666666666702</v>
      </c>
      <c r="K146" s="86"/>
      <c r="L146" s="86"/>
      <c r="M146" s="86"/>
      <c r="N146" s="86"/>
      <c r="O146" s="86"/>
      <c r="P146" s="79"/>
      <c r="Q146" s="23">
        <v>5</v>
      </c>
      <c r="R146" s="59">
        <v>0.44444444444444398</v>
      </c>
      <c r="S146" s="59">
        <v>0.45138888888888901</v>
      </c>
    </row>
    <row r="147" spans="1:20" ht="18.75" customHeight="1">
      <c r="A147" s="81"/>
      <c r="B147" s="81"/>
      <c r="C147" s="81"/>
      <c r="D147" s="81"/>
      <c r="E147" s="81"/>
      <c r="F147" s="74"/>
      <c r="G147" s="62" t="s">
        <v>18</v>
      </c>
      <c r="H147" s="9">
        <v>0.44791666666666702</v>
      </c>
      <c r="I147" s="9">
        <v>0.45486111111111099</v>
      </c>
      <c r="K147" s="84">
        <v>6</v>
      </c>
      <c r="L147" s="84" t="s">
        <v>19</v>
      </c>
      <c r="M147" s="84" t="s">
        <v>72</v>
      </c>
      <c r="N147" s="84" t="s">
        <v>15</v>
      </c>
      <c r="O147" s="84" t="s">
        <v>16</v>
      </c>
      <c r="P147" s="77">
        <v>0.46875</v>
      </c>
      <c r="Q147" s="63" t="s">
        <v>17</v>
      </c>
      <c r="R147" s="59">
        <v>0.44791666666666702</v>
      </c>
      <c r="S147" s="59">
        <v>0.45486111111111099</v>
      </c>
    </row>
    <row r="148" spans="1:20" ht="18.75" customHeight="1">
      <c r="A148" s="82"/>
      <c r="B148" s="82"/>
      <c r="C148" s="82"/>
      <c r="D148" s="82"/>
      <c r="E148" s="82"/>
      <c r="F148" s="75"/>
      <c r="G148" s="8">
        <v>5</v>
      </c>
      <c r="H148" s="9">
        <v>0.45486111111111099</v>
      </c>
      <c r="I148" s="9">
        <v>0.46180555555555602</v>
      </c>
      <c r="K148" s="85"/>
      <c r="L148" s="85"/>
      <c r="M148" s="85"/>
      <c r="N148" s="85"/>
      <c r="O148" s="85"/>
      <c r="P148" s="78"/>
      <c r="Q148" s="63" t="s">
        <v>18</v>
      </c>
      <c r="R148" s="59">
        <v>0.45486111111111099</v>
      </c>
      <c r="S148" s="59">
        <v>0.46180555555555602</v>
      </c>
    </row>
    <row r="149" spans="1:20" ht="18.75" customHeight="1">
      <c r="A149" s="52">
        <v>6</v>
      </c>
      <c r="B149" s="52" t="s">
        <v>13</v>
      </c>
      <c r="C149" s="52" t="s">
        <v>71</v>
      </c>
      <c r="D149" s="52" t="s">
        <v>24</v>
      </c>
      <c r="E149" s="52"/>
      <c r="F149" s="53">
        <v>0.48263888888888901</v>
      </c>
      <c r="G149" s="52">
        <v>1</v>
      </c>
      <c r="H149" s="53">
        <v>0.46180555555555602</v>
      </c>
      <c r="I149" s="53">
        <v>0.46875</v>
      </c>
      <c r="K149" s="86"/>
      <c r="L149" s="86"/>
      <c r="M149" s="86"/>
      <c r="N149" s="86"/>
      <c r="O149" s="86"/>
      <c r="P149" s="79"/>
      <c r="Q149" s="23">
        <v>5</v>
      </c>
      <c r="R149" s="59">
        <v>0.46180555555555602</v>
      </c>
      <c r="S149" s="59">
        <v>0.46875</v>
      </c>
    </row>
    <row r="150" spans="1:20" ht="18.75" customHeight="1">
      <c r="A150" s="8">
        <v>7</v>
      </c>
      <c r="B150" s="8" t="s">
        <v>13</v>
      </c>
      <c r="C150" s="8" t="s">
        <v>72</v>
      </c>
      <c r="D150" s="8" t="s">
        <v>40</v>
      </c>
      <c r="E150" s="8" t="s">
        <v>41</v>
      </c>
      <c r="F150" s="9">
        <v>0.51041666666666696</v>
      </c>
      <c r="G150" s="62" t="s">
        <v>17</v>
      </c>
      <c r="H150" s="9">
        <v>0.48958333333333298</v>
      </c>
      <c r="I150" s="9">
        <v>0.49652777777777801</v>
      </c>
      <c r="K150" s="23">
        <v>7</v>
      </c>
      <c r="L150" s="23" t="s">
        <v>13</v>
      </c>
      <c r="M150" s="23" t="s">
        <v>72</v>
      </c>
      <c r="N150" s="23" t="s">
        <v>40</v>
      </c>
      <c r="O150" s="23" t="s">
        <v>41</v>
      </c>
      <c r="P150" s="59">
        <v>0.51736111111111105</v>
      </c>
      <c r="Q150" s="63" t="s">
        <v>17</v>
      </c>
      <c r="R150" s="59">
        <v>0.49652777777777801</v>
      </c>
      <c r="S150" s="59">
        <v>0.50347222222222199</v>
      </c>
    </row>
    <row r="151" spans="1:20" ht="18.75" customHeight="1">
      <c r="A151" s="8">
        <v>8</v>
      </c>
      <c r="B151" s="8" t="s">
        <v>19</v>
      </c>
      <c r="C151" s="8" t="s">
        <v>72</v>
      </c>
      <c r="D151" s="8" t="s">
        <v>40</v>
      </c>
      <c r="E151" s="8" t="s">
        <v>41</v>
      </c>
      <c r="F151" s="9">
        <v>0.52083333333333304</v>
      </c>
      <c r="G151" s="62" t="s">
        <v>17</v>
      </c>
      <c r="H151" s="9">
        <v>0.5</v>
      </c>
      <c r="I151" s="9">
        <v>0.50694444444444398</v>
      </c>
      <c r="K151" s="23">
        <v>8</v>
      </c>
      <c r="L151" s="23" t="s">
        <v>19</v>
      </c>
      <c r="M151" s="23" t="s">
        <v>72</v>
      </c>
      <c r="N151" s="23" t="s">
        <v>40</v>
      </c>
      <c r="O151" s="23" t="s">
        <v>41</v>
      </c>
      <c r="P151" s="59">
        <v>0.52777777777777801</v>
      </c>
      <c r="Q151" s="63" t="s">
        <v>17</v>
      </c>
      <c r="R151" s="59">
        <v>0.50694444444444398</v>
      </c>
      <c r="S151" s="59">
        <v>0.51388888888888895</v>
      </c>
    </row>
    <row r="152" spans="1:20" ht="18.75" customHeight="1">
      <c r="A152" s="52">
        <v>9</v>
      </c>
      <c r="B152" s="52" t="s">
        <v>19</v>
      </c>
      <c r="C152" s="52" t="s">
        <v>58</v>
      </c>
      <c r="D152" s="52" t="s">
        <v>24</v>
      </c>
      <c r="E152" s="52"/>
      <c r="F152" s="53">
        <v>0.53472222222222199</v>
      </c>
      <c r="G152" s="52">
        <v>1</v>
      </c>
      <c r="H152" s="53">
        <v>0.51388888888888895</v>
      </c>
      <c r="I152" s="53">
        <v>0.52083333333333304</v>
      </c>
      <c r="K152" s="23">
        <v>9</v>
      </c>
      <c r="L152" s="23" t="s">
        <v>13</v>
      </c>
      <c r="M152" s="23" t="s">
        <v>57</v>
      </c>
      <c r="N152" s="23" t="s">
        <v>24</v>
      </c>
      <c r="O152" s="23"/>
      <c r="P152" s="59">
        <v>0.55555555555555602</v>
      </c>
      <c r="Q152" s="23">
        <v>1</v>
      </c>
      <c r="R152" s="59">
        <v>0.53472222222222199</v>
      </c>
      <c r="S152" s="59">
        <v>0.54166666666666696</v>
      </c>
      <c r="T152" s="1" t="s">
        <v>92</v>
      </c>
    </row>
    <row r="153" spans="1:20" ht="18.75" customHeight="1">
      <c r="A153" s="8">
        <v>10</v>
      </c>
      <c r="B153" s="8" t="s">
        <v>13</v>
      </c>
      <c r="C153" s="8" t="s">
        <v>57</v>
      </c>
      <c r="D153" s="8" t="s">
        <v>24</v>
      </c>
      <c r="E153" s="8"/>
      <c r="F153" s="9">
        <v>0.55555555555555602</v>
      </c>
      <c r="G153" s="8">
        <v>1</v>
      </c>
      <c r="H153" s="9">
        <v>0.53472222222222199</v>
      </c>
      <c r="I153" s="9">
        <v>0.54166666666666696</v>
      </c>
      <c r="K153" s="23">
        <v>10</v>
      </c>
      <c r="L153" s="23" t="s">
        <v>19</v>
      </c>
      <c r="M153" s="23" t="s">
        <v>57</v>
      </c>
      <c r="N153" s="23" t="s">
        <v>24</v>
      </c>
      <c r="O153" s="23"/>
      <c r="P153" s="59">
        <v>0.5625</v>
      </c>
      <c r="Q153" s="23">
        <v>1</v>
      </c>
      <c r="R153" s="59">
        <v>0.54166666666666696</v>
      </c>
      <c r="S153" s="59">
        <v>0.54861111111111105</v>
      </c>
      <c r="T153" s="1" t="s">
        <v>92</v>
      </c>
    </row>
    <row r="154" spans="1:20" ht="18.75" customHeight="1">
      <c r="A154" s="8">
        <v>11</v>
      </c>
      <c r="B154" s="8" t="s">
        <v>19</v>
      </c>
      <c r="C154" s="8" t="s">
        <v>57</v>
      </c>
      <c r="D154" s="8" t="s">
        <v>24</v>
      </c>
      <c r="E154" s="8"/>
      <c r="F154" s="9">
        <v>0.5625</v>
      </c>
      <c r="G154" s="8">
        <v>1</v>
      </c>
      <c r="H154" s="9">
        <v>0.54166666666666696</v>
      </c>
      <c r="I154" s="9">
        <v>0.54861111111111105</v>
      </c>
      <c r="K154" s="23">
        <v>11</v>
      </c>
      <c r="L154" s="23" t="s">
        <v>13</v>
      </c>
      <c r="M154" s="23" t="s">
        <v>72</v>
      </c>
      <c r="N154" s="23" t="s">
        <v>24</v>
      </c>
      <c r="O154" s="23"/>
      <c r="P154" s="59">
        <v>0.58680555555555602</v>
      </c>
      <c r="Q154" s="23">
        <v>1</v>
      </c>
      <c r="R154" s="59">
        <v>0.56597222222222199</v>
      </c>
      <c r="S154" s="59">
        <v>0.57291666666666696</v>
      </c>
    </row>
    <row r="155" spans="1:20" ht="18.75" customHeight="1">
      <c r="A155" s="8">
        <v>12</v>
      </c>
      <c r="B155" s="8" t="s">
        <v>13</v>
      </c>
      <c r="C155" s="8" t="s">
        <v>72</v>
      </c>
      <c r="D155" s="8" t="s">
        <v>24</v>
      </c>
      <c r="E155" s="8"/>
      <c r="F155" s="9">
        <v>0.57986111111111105</v>
      </c>
      <c r="G155" s="8">
        <v>1</v>
      </c>
      <c r="H155" s="9">
        <v>0.55902777777777801</v>
      </c>
      <c r="I155" s="9">
        <v>0.56597222222222199</v>
      </c>
      <c r="K155" s="23">
        <v>12</v>
      </c>
      <c r="L155" s="23" t="s">
        <v>19</v>
      </c>
      <c r="M155" s="23" t="s">
        <v>72</v>
      </c>
      <c r="N155" s="23" t="s">
        <v>24</v>
      </c>
      <c r="O155" s="23"/>
      <c r="P155" s="59">
        <v>0.59375</v>
      </c>
      <c r="Q155" s="23">
        <v>1</v>
      </c>
      <c r="R155" s="59">
        <v>0.57291666666666696</v>
      </c>
      <c r="S155" s="59">
        <v>0.57986111111111105</v>
      </c>
    </row>
    <row r="156" spans="1:20" ht="18.75" customHeight="1">
      <c r="A156" s="8">
        <v>13</v>
      </c>
      <c r="B156" s="8" t="s">
        <v>19</v>
      </c>
      <c r="C156" s="8" t="s">
        <v>72</v>
      </c>
      <c r="D156" s="8" t="s">
        <v>24</v>
      </c>
      <c r="E156" s="8"/>
      <c r="F156" s="9">
        <v>0.58680555555555602</v>
      </c>
      <c r="G156" s="8">
        <v>1</v>
      </c>
      <c r="H156" s="9">
        <v>0.56597222222222199</v>
      </c>
      <c r="I156" s="9">
        <v>0.57291666666666696</v>
      </c>
      <c r="K156" s="84">
        <v>13</v>
      </c>
      <c r="L156" s="84" t="s">
        <v>13</v>
      </c>
      <c r="M156" s="84" t="s">
        <v>73</v>
      </c>
      <c r="N156" s="84" t="s">
        <v>54</v>
      </c>
      <c r="O156" s="84" t="s">
        <v>39</v>
      </c>
      <c r="P156" s="77">
        <v>0.60416666666666696</v>
      </c>
      <c r="Q156" s="23" t="s">
        <v>17</v>
      </c>
      <c r="R156" s="61" t="s">
        <v>46</v>
      </c>
      <c r="S156" s="59">
        <v>0.59027777777777801</v>
      </c>
    </row>
    <row r="157" spans="1:20" ht="18.75" customHeight="1">
      <c r="A157" s="80">
        <v>14</v>
      </c>
      <c r="B157" s="80" t="s">
        <v>13</v>
      </c>
      <c r="C157" s="80" t="s">
        <v>73</v>
      </c>
      <c r="D157" s="80" t="s">
        <v>54</v>
      </c>
      <c r="E157" s="80" t="s">
        <v>39</v>
      </c>
      <c r="F157" s="73">
        <v>0.59722222222222199</v>
      </c>
      <c r="G157" s="8" t="s">
        <v>17</v>
      </c>
      <c r="H157" s="19" t="s">
        <v>46</v>
      </c>
      <c r="I157" s="9">
        <v>0.58333333333333304</v>
      </c>
      <c r="K157" s="86"/>
      <c r="L157" s="86"/>
      <c r="M157" s="86"/>
      <c r="N157" s="86"/>
      <c r="O157" s="86"/>
      <c r="P157" s="79"/>
      <c r="Q157" s="23">
        <v>3</v>
      </c>
      <c r="R157" s="61" t="s">
        <v>46</v>
      </c>
      <c r="S157" s="59">
        <v>0.59722222222222199</v>
      </c>
    </row>
    <row r="158" spans="1:20" ht="18.75" customHeight="1">
      <c r="A158" s="82"/>
      <c r="B158" s="82"/>
      <c r="C158" s="82"/>
      <c r="D158" s="82"/>
      <c r="E158" s="82"/>
      <c r="F158" s="75"/>
      <c r="G158" s="8">
        <v>3</v>
      </c>
      <c r="H158" s="19" t="s">
        <v>46</v>
      </c>
      <c r="I158" s="9">
        <v>0.59027777777777801</v>
      </c>
      <c r="K158" s="23">
        <v>14</v>
      </c>
      <c r="L158" s="23" t="s">
        <v>13</v>
      </c>
      <c r="M158" s="23" t="s">
        <v>62</v>
      </c>
      <c r="N158" s="23" t="s">
        <v>24</v>
      </c>
      <c r="O158" s="23"/>
      <c r="P158" s="59">
        <v>0.625</v>
      </c>
      <c r="Q158" s="23">
        <v>1</v>
      </c>
      <c r="R158" s="59">
        <v>0.60416666666666696</v>
      </c>
      <c r="S158" s="59">
        <v>0.61111111111111105</v>
      </c>
    </row>
    <row r="159" spans="1:20" ht="18.75" customHeight="1">
      <c r="A159" s="8">
        <v>15</v>
      </c>
      <c r="B159" s="8" t="s">
        <v>13</v>
      </c>
      <c r="C159" s="8" t="s">
        <v>62</v>
      </c>
      <c r="D159" s="8" t="s">
        <v>24</v>
      </c>
      <c r="E159" s="8"/>
      <c r="F159" s="9">
        <v>0.61805555555555602</v>
      </c>
      <c r="G159" s="8">
        <v>1</v>
      </c>
      <c r="H159" s="9">
        <v>0.59722222222222199</v>
      </c>
      <c r="I159" s="9">
        <v>0.60416666666666696</v>
      </c>
      <c r="K159" s="23">
        <v>15</v>
      </c>
      <c r="L159" s="23" t="s">
        <v>19</v>
      </c>
      <c r="M159" s="23" t="s">
        <v>62</v>
      </c>
      <c r="N159" s="23" t="s">
        <v>24</v>
      </c>
      <c r="O159" s="23"/>
      <c r="P159" s="59">
        <v>0.63194444444444398</v>
      </c>
      <c r="Q159" s="23">
        <v>1</v>
      </c>
      <c r="R159" s="59">
        <v>0.61111111111111105</v>
      </c>
      <c r="S159" s="59">
        <v>0.61805555555555602</v>
      </c>
    </row>
    <row r="160" spans="1:20" ht="18.75" customHeight="1">
      <c r="A160" s="8">
        <v>16</v>
      </c>
      <c r="B160" s="8" t="s">
        <v>19</v>
      </c>
      <c r="C160" s="8" t="s">
        <v>62</v>
      </c>
      <c r="D160" s="8" t="s">
        <v>24</v>
      </c>
      <c r="E160" s="8"/>
      <c r="F160" s="9">
        <v>0.625</v>
      </c>
      <c r="G160" s="8">
        <v>1</v>
      </c>
      <c r="H160" s="9">
        <v>0.60416666666666696</v>
      </c>
      <c r="I160" s="9">
        <v>0.61111111111111105</v>
      </c>
      <c r="Q160" s="11"/>
      <c r="R160" s="2" t="s">
        <v>93</v>
      </c>
    </row>
    <row r="161" spans="1:19" ht="18.75" customHeight="1">
      <c r="A161" s="10"/>
      <c r="B161" s="10"/>
      <c r="C161" s="10"/>
      <c r="D161" s="10"/>
      <c r="E161" s="10"/>
      <c r="F161" s="11"/>
      <c r="G161" s="10"/>
      <c r="H161" s="11"/>
      <c r="I161" s="11"/>
      <c r="Q161" s="11"/>
    </row>
    <row r="162" spans="1:19" ht="18.75" customHeight="1">
      <c r="G162" s="11"/>
      <c r="Q162" s="11"/>
    </row>
    <row r="163" spans="1:19" ht="18.75" customHeight="1">
      <c r="A163" s="1" t="s">
        <v>25</v>
      </c>
      <c r="K163" s="1" t="s">
        <v>25</v>
      </c>
    </row>
    <row r="164" spans="1:19" ht="18.75" customHeight="1">
      <c r="A164" s="4" t="s">
        <v>4</v>
      </c>
      <c r="B164" s="4" t="s">
        <v>5</v>
      </c>
      <c r="C164" s="4" t="s">
        <v>6</v>
      </c>
      <c r="D164" s="4" t="s">
        <v>7</v>
      </c>
      <c r="E164" s="4" t="s">
        <v>26</v>
      </c>
      <c r="F164" s="5" t="s">
        <v>9</v>
      </c>
      <c r="G164" s="4" t="s">
        <v>10</v>
      </c>
      <c r="H164" s="5" t="s">
        <v>11</v>
      </c>
      <c r="I164" s="5" t="s">
        <v>12</v>
      </c>
      <c r="K164" s="4" t="s">
        <v>4</v>
      </c>
      <c r="L164" s="4" t="s">
        <v>5</v>
      </c>
      <c r="M164" s="4" t="s">
        <v>6</v>
      </c>
      <c r="N164" s="4" t="s">
        <v>7</v>
      </c>
      <c r="O164" s="4" t="s">
        <v>26</v>
      </c>
      <c r="P164" s="5" t="s">
        <v>9</v>
      </c>
      <c r="Q164" s="4" t="s">
        <v>10</v>
      </c>
      <c r="R164" s="5" t="s">
        <v>11</v>
      </c>
      <c r="S164" s="5" t="s">
        <v>12</v>
      </c>
    </row>
    <row r="165" spans="1:19" ht="18.75" customHeight="1">
      <c r="A165" s="8">
        <v>1</v>
      </c>
      <c r="B165" s="8" t="s">
        <v>13</v>
      </c>
      <c r="C165" s="8" t="s">
        <v>74</v>
      </c>
      <c r="D165" s="8" t="s">
        <v>54</v>
      </c>
      <c r="E165" s="4" t="s">
        <v>49</v>
      </c>
      <c r="F165" s="9">
        <v>0.39583333333333298</v>
      </c>
      <c r="G165" s="8">
        <v>1</v>
      </c>
      <c r="H165" s="9">
        <v>0.36111111111111099</v>
      </c>
      <c r="I165" s="9">
        <v>0.36805555555555602</v>
      </c>
      <c r="K165" s="8">
        <v>1</v>
      </c>
      <c r="L165" s="8" t="s">
        <v>13</v>
      </c>
      <c r="M165" s="8" t="s">
        <v>74</v>
      </c>
      <c r="N165" s="8" t="s">
        <v>54</v>
      </c>
      <c r="O165" s="4" t="s">
        <v>49</v>
      </c>
      <c r="P165" s="9">
        <v>0.39583333333333298</v>
      </c>
      <c r="Q165" s="8">
        <v>1</v>
      </c>
      <c r="R165" s="9">
        <v>0.36111111111111099</v>
      </c>
      <c r="S165" s="9">
        <v>0.36805555555555602</v>
      </c>
    </row>
    <row r="166" spans="1:19" ht="18.75" customHeight="1">
      <c r="A166" s="8">
        <v>2</v>
      </c>
      <c r="B166" s="8" t="s">
        <v>13</v>
      </c>
      <c r="C166" s="8" t="s">
        <v>67</v>
      </c>
      <c r="D166" s="8" t="s">
        <v>24</v>
      </c>
      <c r="E166" s="4" t="s">
        <v>49</v>
      </c>
      <c r="F166" s="9">
        <v>0.51388888888888895</v>
      </c>
      <c r="G166" s="8">
        <v>1</v>
      </c>
      <c r="H166" s="9">
        <v>0.47916666666666702</v>
      </c>
      <c r="I166" s="9">
        <v>0.48611111111111099</v>
      </c>
      <c r="K166" s="8">
        <v>2</v>
      </c>
      <c r="L166" s="8" t="s">
        <v>13</v>
      </c>
      <c r="M166" s="8" t="s">
        <v>67</v>
      </c>
      <c r="N166" s="8" t="s">
        <v>24</v>
      </c>
      <c r="O166" s="4" t="s">
        <v>49</v>
      </c>
      <c r="P166" s="9">
        <v>0.51388888888888895</v>
      </c>
      <c r="Q166" s="8">
        <v>1</v>
      </c>
      <c r="R166" s="9">
        <v>0.47916666666666702</v>
      </c>
      <c r="S166" s="9">
        <v>0.48611111111111099</v>
      </c>
    </row>
    <row r="167" spans="1:19" ht="18.75" customHeight="1">
      <c r="A167" s="20"/>
      <c r="B167" s="20"/>
      <c r="C167" s="20"/>
      <c r="D167" s="20"/>
      <c r="E167" s="21"/>
      <c r="F167" s="22"/>
      <c r="G167" s="20"/>
      <c r="H167" s="22"/>
      <c r="I167" s="22"/>
      <c r="K167" s="20"/>
      <c r="L167" s="20"/>
      <c r="M167" s="20"/>
      <c r="N167" s="20"/>
      <c r="O167" s="21"/>
      <c r="P167" s="22"/>
      <c r="Q167" s="20"/>
      <c r="R167" s="22"/>
      <c r="S167" s="22"/>
    </row>
    <row r="168" spans="1:19" ht="18.75" customHeight="1">
      <c r="A168" s="1" t="s">
        <v>31</v>
      </c>
      <c r="B168" s="13"/>
      <c r="C168" s="13"/>
      <c r="D168" s="13"/>
      <c r="E168" s="14"/>
      <c r="F168" s="15"/>
      <c r="G168" s="13"/>
      <c r="H168" s="15"/>
      <c r="I168" s="15"/>
      <c r="K168" s="1" t="s">
        <v>31</v>
      </c>
      <c r="L168" s="13"/>
      <c r="M168" s="13"/>
      <c r="N168" s="13"/>
      <c r="O168" s="14"/>
      <c r="P168" s="15"/>
      <c r="Q168" s="13"/>
      <c r="R168" s="15"/>
      <c r="S168" s="15"/>
    </row>
    <row r="169" spans="1:19" ht="18.75" customHeight="1">
      <c r="A169" s="8">
        <v>1</v>
      </c>
      <c r="B169" s="8" t="s">
        <v>19</v>
      </c>
      <c r="C169" s="8" t="s">
        <v>75</v>
      </c>
      <c r="D169" s="8" t="s">
        <v>24</v>
      </c>
      <c r="E169" s="4" t="s">
        <v>33</v>
      </c>
      <c r="F169" s="9">
        <v>0.39236111111111099</v>
      </c>
      <c r="G169" s="8">
        <v>1</v>
      </c>
      <c r="H169" s="9">
        <v>0.35763888888888901</v>
      </c>
      <c r="I169" s="9">
        <v>0.36458333333333298</v>
      </c>
      <c r="K169" s="8">
        <v>1</v>
      </c>
      <c r="L169" s="8" t="s">
        <v>19</v>
      </c>
      <c r="M169" s="8" t="s">
        <v>75</v>
      </c>
      <c r="N169" s="8" t="s">
        <v>24</v>
      </c>
      <c r="O169" s="4" t="s">
        <v>33</v>
      </c>
      <c r="P169" s="9">
        <v>0.39236111111111099</v>
      </c>
      <c r="Q169" s="8">
        <v>1</v>
      </c>
      <c r="R169" s="9">
        <v>0.35763888888888901</v>
      </c>
      <c r="S169" s="9">
        <v>0.36458333333333298</v>
      </c>
    </row>
    <row r="170" spans="1:19" ht="18.75" customHeight="1">
      <c r="A170" s="8">
        <v>2</v>
      </c>
      <c r="B170" s="8" t="s">
        <v>13</v>
      </c>
      <c r="C170" s="8" t="s">
        <v>76</v>
      </c>
      <c r="D170" s="8" t="s">
        <v>54</v>
      </c>
      <c r="E170" s="4" t="s">
        <v>33</v>
      </c>
      <c r="F170" s="9">
        <v>0.48958333333333298</v>
      </c>
      <c r="G170" s="8">
        <v>1</v>
      </c>
      <c r="H170" s="19" t="s">
        <v>46</v>
      </c>
      <c r="I170" s="9">
        <v>0.46180555555555602</v>
      </c>
      <c r="K170" s="23">
        <v>2</v>
      </c>
      <c r="L170" s="23" t="s">
        <v>13</v>
      </c>
      <c r="M170" s="23" t="s">
        <v>76</v>
      </c>
      <c r="N170" s="23" t="s">
        <v>54</v>
      </c>
      <c r="O170" s="60" t="s">
        <v>35</v>
      </c>
      <c r="P170" s="59">
        <v>0.48958333333333298</v>
      </c>
      <c r="Q170" s="23">
        <v>1</v>
      </c>
      <c r="R170" s="61" t="s">
        <v>46</v>
      </c>
      <c r="S170" s="59">
        <v>0.46180555555555602</v>
      </c>
    </row>
    <row r="171" spans="1:19" ht="15" customHeight="1">
      <c r="A171" s="8">
        <v>3</v>
      </c>
      <c r="B171" s="8" t="s">
        <v>13</v>
      </c>
      <c r="C171" s="8" t="s">
        <v>75</v>
      </c>
      <c r="D171" s="8" t="s">
        <v>24</v>
      </c>
      <c r="E171" s="4" t="s">
        <v>33</v>
      </c>
      <c r="F171" s="9">
        <v>0.55208333333333304</v>
      </c>
      <c r="G171" s="8">
        <v>1</v>
      </c>
      <c r="H171" s="9">
        <v>0.51736111111111105</v>
      </c>
      <c r="I171" s="9">
        <v>0.52430555555555602</v>
      </c>
      <c r="K171" s="8">
        <v>3</v>
      </c>
      <c r="L171" s="8" t="s">
        <v>13</v>
      </c>
      <c r="M171" s="8" t="s">
        <v>75</v>
      </c>
      <c r="N171" s="8" t="s">
        <v>24</v>
      </c>
      <c r="O171" s="4" t="s">
        <v>33</v>
      </c>
      <c r="P171" s="9">
        <v>0.55208333333333304</v>
      </c>
      <c r="Q171" s="8">
        <v>1</v>
      </c>
      <c r="R171" s="9">
        <v>0.51736111111111105</v>
      </c>
      <c r="S171" s="9">
        <v>0.52430555555555602</v>
      </c>
    </row>
  </sheetData>
  <mergeCells count="312">
    <mergeCell ref="A1:I1"/>
    <mergeCell ref="K1:S1"/>
    <mergeCell ref="A2:I2"/>
    <mergeCell ref="K2:S2"/>
    <mergeCell ref="A3:I3"/>
    <mergeCell ref="K3:S3"/>
    <mergeCell ref="A33:I33"/>
    <mergeCell ref="K33:S33"/>
    <mergeCell ref="A81:I81"/>
    <mergeCell ref="K81:S81"/>
    <mergeCell ref="L6:L8"/>
    <mergeCell ref="L9:L11"/>
    <mergeCell ref="L12:L13"/>
    <mergeCell ref="L14:L15"/>
    <mergeCell ref="L16:L18"/>
    <mergeCell ref="L19:L21"/>
    <mergeCell ref="L36:L37"/>
    <mergeCell ref="L40:L42"/>
    <mergeCell ref="L43:L45"/>
    <mergeCell ref="L56:L58"/>
    <mergeCell ref="L59:L61"/>
    <mergeCell ref="L62:L63"/>
    <mergeCell ref="P56:P58"/>
    <mergeCell ref="P59:P61"/>
    <mergeCell ref="A137:I137"/>
    <mergeCell ref="K137:S137"/>
    <mergeCell ref="A6:A8"/>
    <mergeCell ref="A9:A11"/>
    <mergeCell ref="A12:A13"/>
    <mergeCell ref="A14:A15"/>
    <mergeCell ref="A16:A18"/>
    <mergeCell ref="A19:A21"/>
    <mergeCell ref="A36:A37"/>
    <mergeCell ref="A40:A42"/>
    <mergeCell ref="A43:A45"/>
    <mergeCell ref="A57:A59"/>
    <mergeCell ref="A60:A62"/>
    <mergeCell ref="A63:A64"/>
    <mergeCell ref="A84:A85"/>
    <mergeCell ref="A86:A87"/>
    <mergeCell ref="A88:A90"/>
    <mergeCell ref="A91:A93"/>
    <mergeCell ref="A94:A96"/>
    <mergeCell ref="A97:A99"/>
    <mergeCell ref="A111:A112"/>
    <mergeCell ref="A113:A114"/>
    <mergeCell ref="A116:A118"/>
    <mergeCell ref="A119:A121"/>
    <mergeCell ref="A143:A145"/>
    <mergeCell ref="A146:A148"/>
    <mergeCell ref="A157:A158"/>
    <mergeCell ref="B6:B8"/>
    <mergeCell ref="B9:B11"/>
    <mergeCell ref="B12:B13"/>
    <mergeCell ref="B14:B15"/>
    <mergeCell ref="B16:B18"/>
    <mergeCell ref="B19:B21"/>
    <mergeCell ref="B36:B37"/>
    <mergeCell ref="B40:B42"/>
    <mergeCell ref="B43:B45"/>
    <mergeCell ref="B57:B59"/>
    <mergeCell ref="B60:B62"/>
    <mergeCell ref="B63:B64"/>
    <mergeCell ref="B84:B85"/>
    <mergeCell ref="B86:B87"/>
    <mergeCell ref="B88:B90"/>
    <mergeCell ref="B91:B93"/>
    <mergeCell ref="B94:B96"/>
    <mergeCell ref="B97:B99"/>
    <mergeCell ref="B111:B112"/>
    <mergeCell ref="B113:B114"/>
    <mergeCell ref="B116:B118"/>
    <mergeCell ref="B119:B121"/>
    <mergeCell ref="B143:B145"/>
    <mergeCell ref="B146:B148"/>
    <mergeCell ref="B157:B158"/>
    <mergeCell ref="C6:C8"/>
    <mergeCell ref="C9:C11"/>
    <mergeCell ref="C12:C13"/>
    <mergeCell ref="C14:C15"/>
    <mergeCell ref="C16:C18"/>
    <mergeCell ref="C19:C21"/>
    <mergeCell ref="C36:C37"/>
    <mergeCell ref="C40:C42"/>
    <mergeCell ref="C43:C45"/>
    <mergeCell ref="C57:C59"/>
    <mergeCell ref="C60:C62"/>
    <mergeCell ref="C63:C64"/>
    <mergeCell ref="C84:C85"/>
    <mergeCell ref="C86:C87"/>
    <mergeCell ref="C88:C90"/>
    <mergeCell ref="C91:C93"/>
    <mergeCell ref="C94:C96"/>
    <mergeCell ref="C97:C99"/>
    <mergeCell ref="C111:C112"/>
    <mergeCell ref="C113:C114"/>
    <mergeCell ref="C116:C118"/>
    <mergeCell ref="C119:C121"/>
    <mergeCell ref="C143:C145"/>
    <mergeCell ref="C146:C148"/>
    <mergeCell ref="C157:C158"/>
    <mergeCell ref="D6:D8"/>
    <mergeCell ref="D9:D11"/>
    <mergeCell ref="D12:D13"/>
    <mergeCell ref="D14:D15"/>
    <mergeCell ref="D16:D18"/>
    <mergeCell ref="D19:D21"/>
    <mergeCell ref="D36:D37"/>
    <mergeCell ref="D40:D42"/>
    <mergeCell ref="D43:D45"/>
    <mergeCell ref="D57:D59"/>
    <mergeCell ref="D60:D62"/>
    <mergeCell ref="D63:D64"/>
    <mergeCell ref="D84:D85"/>
    <mergeCell ref="D86:D87"/>
    <mergeCell ref="D88:D90"/>
    <mergeCell ref="D91:D93"/>
    <mergeCell ref="D94:D96"/>
    <mergeCell ref="D97:D99"/>
    <mergeCell ref="D111:D112"/>
    <mergeCell ref="D113:D114"/>
    <mergeCell ref="D116:D118"/>
    <mergeCell ref="D119:D121"/>
    <mergeCell ref="D143:D145"/>
    <mergeCell ref="D146:D148"/>
    <mergeCell ref="D157:D158"/>
    <mergeCell ref="E6:E8"/>
    <mergeCell ref="E9:E11"/>
    <mergeCell ref="E12:E13"/>
    <mergeCell ref="E14:E15"/>
    <mergeCell ref="E16:E18"/>
    <mergeCell ref="E19:E21"/>
    <mergeCell ref="E36:E37"/>
    <mergeCell ref="E40:E42"/>
    <mergeCell ref="E43:E45"/>
    <mergeCell ref="E57:E59"/>
    <mergeCell ref="E60:E62"/>
    <mergeCell ref="E63:E64"/>
    <mergeCell ref="E84:E85"/>
    <mergeCell ref="E86:E87"/>
    <mergeCell ref="E88:E90"/>
    <mergeCell ref="E91:E93"/>
    <mergeCell ref="E94:E96"/>
    <mergeCell ref="E97:E99"/>
    <mergeCell ref="E111:E112"/>
    <mergeCell ref="E113:E114"/>
    <mergeCell ref="E116:E118"/>
    <mergeCell ref="E119:E121"/>
    <mergeCell ref="E143:E145"/>
    <mergeCell ref="E146:E148"/>
    <mergeCell ref="E157:E158"/>
    <mergeCell ref="F6:F8"/>
    <mergeCell ref="F9:F11"/>
    <mergeCell ref="F12:F13"/>
    <mergeCell ref="F14:F15"/>
    <mergeCell ref="F16:F18"/>
    <mergeCell ref="F19:F21"/>
    <mergeCell ref="F36:F37"/>
    <mergeCell ref="F40:F42"/>
    <mergeCell ref="F43:F45"/>
    <mergeCell ref="F57:F59"/>
    <mergeCell ref="F60:F62"/>
    <mergeCell ref="F63:F64"/>
    <mergeCell ref="F84:F85"/>
    <mergeCell ref="F86:F87"/>
    <mergeCell ref="F88:F90"/>
    <mergeCell ref="F91:F93"/>
    <mergeCell ref="F94:F96"/>
    <mergeCell ref="F97:F99"/>
    <mergeCell ref="F111:F112"/>
    <mergeCell ref="F113:F114"/>
    <mergeCell ref="F116:F118"/>
    <mergeCell ref="F119:F121"/>
    <mergeCell ref="F143:F145"/>
    <mergeCell ref="F146:F148"/>
    <mergeCell ref="F157:F158"/>
    <mergeCell ref="K6:K8"/>
    <mergeCell ref="K9:K11"/>
    <mergeCell ref="K12:K13"/>
    <mergeCell ref="K14:K15"/>
    <mergeCell ref="K16:K18"/>
    <mergeCell ref="K19:K21"/>
    <mergeCell ref="K36:K37"/>
    <mergeCell ref="K40:K42"/>
    <mergeCell ref="K43:K45"/>
    <mergeCell ref="K56:K58"/>
    <mergeCell ref="K59:K61"/>
    <mergeCell ref="K62:K63"/>
    <mergeCell ref="K84:K85"/>
    <mergeCell ref="K86:K87"/>
    <mergeCell ref="K88:K90"/>
    <mergeCell ref="K91:K93"/>
    <mergeCell ref="K94:K96"/>
    <mergeCell ref="K97:K99"/>
    <mergeCell ref="K110:K111"/>
    <mergeCell ref="K112:K113"/>
    <mergeCell ref="K115:K117"/>
    <mergeCell ref="K118:K120"/>
    <mergeCell ref="K144:K146"/>
    <mergeCell ref="K147:K149"/>
    <mergeCell ref="K156:K157"/>
    <mergeCell ref="L84:L85"/>
    <mergeCell ref="L86:L87"/>
    <mergeCell ref="L88:L90"/>
    <mergeCell ref="L91:L93"/>
    <mergeCell ref="L94:L96"/>
    <mergeCell ref="L97:L99"/>
    <mergeCell ref="L110:L111"/>
    <mergeCell ref="L112:L113"/>
    <mergeCell ref="L115:L117"/>
    <mergeCell ref="L118:L120"/>
    <mergeCell ref="L144:L146"/>
    <mergeCell ref="L147:L149"/>
    <mergeCell ref="L156:L157"/>
    <mergeCell ref="M6:M8"/>
    <mergeCell ref="M9:M11"/>
    <mergeCell ref="M12:M13"/>
    <mergeCell ref="M14:M15"/>
    <mergeCell ref="M16:M18"/>
    <mergeCell ref="M19:M21"/>
    <mergeCell ref="M36:M37"/>
    <mergeCell ref="M40:M42"/>
    <mergeCell ref="M43:M45"/>
    <mergeCell ref="M56:M58"/>
    <mergeCell ref="M59:M61"/>
    <mergeCell ref="M62:M63"/>
    <mergeCell ref="M84:M85"/>
    <mergeCell ref="M86:M87"/>
    <mergeCell ref="M88:M90"/>
    <mergeCell ref="M91:M93"/>
    <mergeCell ref="M94:M96"/>
    <mergeCell ref="M97:M99"/>
    <mergeCell ref="M110:M111"/>
    <mergeCell ref="M112:M113"/>
    <mergeCell ref="M115:M117"/>
    <mergeCell ref="M118:M120"/>
    <mergeCell ref="M144:M146"/>
    <mergeCell ref="M147:M149"/>
    <mergeCell ref="M156:M157"/>
    <mergeCell ref="N6:N8"/>
    <mergeCell ref="N9:N11"/>
    <mergeCell ref="N12:N13"/>
    <mergeCell ref="N14:N15"/>
    <mergeCell ref="N16:N18"/>
    <mergeCell ref="N19:N21"/>
    <mergeCell ref="N36:N37"/>
    <mergeCell ref="N40:N42"/>
    <mergeCell ref="N43:N45"/>
    <mergeCell ref="N56:N58"/>
    <mergeCell ref="N59:N61"/>
    <mergeCell ref="N62:N63"/>
    <mergeCell ref="N84:N85"/>
    <mergeCell ref="N86:N87"/>
    <mergeCell ref="N88:N90"/>
    <mergeCell ref="N91:N93"/>
    <mergeCell ref="N94:N96"/>
    <mergeCell ref="N97:N99"/>
    <mergeCell ref="N110:N111"/>
    <mergeCell ref="N115:N117"/>
    <mergeCell ref="N118:N120"/>
    <mergeCell ref="N144:N146"/>
    <mergeCell ref="N147:N149"/>
    <mergeCell ref="N156:N157"/>
    <mergeCell ref="O6:O8"/>
    <mergeCell ref="O9:O11"/>
    <mergeCell ref="O12:O13"/>
    <mergeCell ref="O14:O15"/>
    <mergeCell ref="O16:O18"/>
    <mergeCell ref="O19:O21"/>
    <mergeCell ref="O36:O37"/>
    <mergeCell ref="O40:O42"/>
    <mergeCell ref="O43:O45"/>
    <mergeCell ref="O56:O58"/>
    <mergeCell ref="O59:O61"/>
    <mergeCell ref="O62:O63"/>
    <mergeCell ref="O84:O85"/>
    <mergeCell ref="O86:O87"/>
    <mergeCell ref="O88:O90"/>
    <mergeCell ref="O91:O93"/>
    <mergeCell ref="O94:O96"/>
    <mergeCell ref="O97:O99"/>
    <mergeCell ref="P62:P63"/>
    <mergeCell ref="P84:P85"/>
    <mergeCell ref="P86:P87"/>
    <mergeCell ref="P88:P90"/>
    <mergeCell ref="P91:P93"/>
    <mergeCell ref="P94:P96"/>
    <mergeCell ref="N112:N113"/>
    <mergeCell ref="P6:P8"/>
    <mergeCell ref="P9:P11"/>
    <mergeCell ref="P12:P13"/>
    <mergeCell ref="P14:P15"/>
    <mergeCell ref="P16:P18"/>
    <mergeCell ref="P19:P21"/>
    <mergeCell ref="P36:P37"/>
    <mergeCell ref="P40:P42"/>
    <mergeCell ref="P43:P45"/>
    <mergeCell ref="P97:P99"/>
    <mergeCell ref="P110:P111"/>
    <mergeCell ref="P112:P113"/>
    <mergeCell ref="P115:P117"/>
    <mergeCell ref="P118:P120"/>
    <mergeCell ref="P144:P146"/>
    <mergeCell ref="P147:P149"/>
    <mergeCell ref="P156:P157"/>
    <mergeCell ref="O110:O111"/>
    <mergeCell ref="O112:O113"/>
    <mergeCell ref="O115:O117"/>
    <mergeCell ref="O118:O120"/>
    <mergeCell ref="O144:O146"/>
    <mergeCell ref="O147:O149"/>
    <mergeCell ref="O156:O157"/>
  </mergeCells>
  <phoneticPr fontId="18"/>
  <printOptions horizontalCentered="1"/>
  <pageMargins left="0.59055118110236204" right="0.39370078740157499" top="0.55118110236220497" bottom="0.35433070866141703" header="0.31496062992126" footer="0.31496062992126"/>
  <pageSetup paperSize="9" scale="62" orientation="landscape" cellComments="asDisplayed" r:id="rId1"/>
  <rowBreaks count="3" manualBreakCount="3">
    <brk id="32" max="19" man="1"/>
    <brk id="80" max="19" man="1"/>
    <brk id="136" max="19" man="1"/>
  </rowBreaks>
  <drawing r:id="rId2"/>
  <legacy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T171"/>
  <sheetViews>
    <sheetView view="pageBreakPreview" topLeftCell="A17" zoomScale="80" zoomScaleNormal="100" workbookViewId="0">
      <selection sqref="A1:I1"/>
    </sheetView>
  </sheetViews>
  <sheetFormatPr defaultColWidth="9" defaultRowHeight="15" customHeight="1"/>
  <cols>
    <col min="1" max="1" width="4.875" style="1" customWidth="1"/>
    <col min="2" max="2" width="5.25" style="1" customWidth="1"/>
    <col min="3" max="3" width="16.875" style="1" customWidth="1"/>
    <col min="4" max="4" width="6.25" style="1" customWidth="1"/>
    <col min="5" max="5" width="13.5" style="1" customWidth="1"/>
    <col min="6" max="6" width="10.75" style="1" customWidth="1"/>
    <col min="7" max="7" width="7.25" style="2" customWidth="1"/>
    <col min="8" max="9" width="10.75" style="2" customWidth="1"/>
    <col min="10" max="10" width="2.75" style="1" customWidth="1"/>
    <col min="11" max="11" width="4.875" style="1" customWidth="1"/>
    <col min="12" max="12" width="5.25" style="1" customWidth="1"/>
    <col min="13" max="13" width="16.875" style="1" customWidth="1"/>
    <col min="14" max="14" width="6.25" style="1" customWidth="1"/>
    <col min="15" max="15" width="13.5" style="1" customWidth="1"/>
    <col min="16" max="16" width="10.75" style="1" customWidth="1"/>
    <col min="17" max="17" width="7.25" style="2" customWidth="1"/>
    <col min="18" max="19" width="10.75" style="2" customWidth="1"/>
    <col min="20" max="16384" width="9" style="1"/>
  </cols>
  <sheetData>
    <row r="1" spans="1:19" ht="18.75" customHeight="1">
      <c r="A1" s="92" t="s">
        <v>77</v>
      </c>
      <c r="B1" s="92"/>
      <c r="C1" s="92"/>
      <c r="D1" s="92"/>
      <c r="E1" s="92"/>
      <c r="F1" s="92"/>
      <c r="G1" s="92"/>
      <c r="H1" s="92"/>
      <c r="I1" s="92"/>
      <c r="K1" s="92" t="s">
        <v>0</v>
      </c>
      <c r="L1" s="92"/>
      <c r="M1" s="92"/>
      <c r="N1" s="92"/>
      <c r="O1" s="92"/>
      <c r="P1" s="92"/>
      <c r="Q1" s="92"/>
      <c r="R1" s="92"/>
      <c r="S1" s="92"/>
    </row>
    <row r="2" spans="1:19" ht="18.75" customHeight="1">
      <c r="A2" s="92" t="s">
        <v>1</v>
      </c>
      <c r="B2" s="92"/>
      <c r="C2" s="92"/>
      <c r="D2" s="92"/>
      <c r="E2" s="92"/>
      <c r="F2" s="92"/>
      <c r="G2" s="92"/>
      <c r="H2" s="92"/>
      <c r="I2" s="92"/>
      <c r="K2" s="92" t="s">
        <v>1</v>
      </c>
      <c r="L2" s="92"/>
      <c r="M2" s="92"/>
      <c r="N2" s="92"/>
      <c r="O2" s="92"/>
      <c r="P2" s="92"/>
      <c r="Q2" s="92"/>
      <c r="R2" s="92"/>
      <c r="S2" s="92"/>
    </row>
    <row r="3" spans="1:19" ht="27" customHeight="1">
      <c r="A3" s="92" t="s">
        <v>2</v>
      </c>
      <c r="B3" s="92"/>
      <c r="C3" s="92"/>
      <c r="D3" s="92"/>
      <c r="E3" s="92"/>
      <c r="F3" s="92"/>
      <c r="G3" s="92"/>
      <c r="H3" s="92"/>
      <c r="I3" s="92"/>
      <c r="K3" s="92" t="s">
        <v>2</v>
      </c>
      <c r="L3" s="92"/>
      <c r="M3" s="92"/>
      <c r="N3" s="92"/>
      <c r="O3" s="92"/>
      <c r="P3" s="92"/>
      <c r="Q3" s="92"/>
      <c r="R3" s="92"/>
      <c r="S3" s="92"/>
    </row>
    <row r="4" spans="1:19" ht="15" customHeight="1">
      <c r="A4" s="1" t="s">
        <v>3</v>
      </c>
      <c r="C4" s="3"/>
      <c r="D4" s="3"/>
      <c r="E4" s="3"/>
      <c r="F4" s="3"/>
      <c r="G4" s="3"/>
      <c r="H4" s="3"/>
      <c r="I4" s="3"/>
      <c r="K4" s="1" t="s">
        <v>3</v>
      </c>
      <c r="M4" s="3"/>
      <c r="N4" s="3"/>
      <c r="O4" s="3"/>
      <c r="P4" s="3"/>
      <c r="Q4" s="3"/>
      <c r="R4" s="3"/>
      <c r="S4" s="3"/>
    </row>
    <row r="5" spans="1:19" ht="18.75" customHeight="1">
      <c r="A5" s="4" t="s">
        <v>4</v>
      </c>
      <c r="B5" s="4" t="s">
        <v>5</v>
      </c>
      <c r="C5" s="4" t="s">
        <v>6</v>
      </c>
      <c r="D5" s="4" t="s">
        <v>7</v>
      </c>
      <c r="E5" s="4" t="s">
        <v>8</v>
      </c>
      <c r="F5" s="5" t="s">
        <v>9</v>
      </c>
      <c r="G5" s="4" t="s">
        <v>10</v>
      </c>
      <c r="H5" s="5" t="s">
        <v>11</v>
      </c>
      <c r="I5" s="5" t="s">
        <v>12</v>
      </c>
      <c r="K5" s="4" t="s">
        <v>4</v>
      </c>
      <c r="L5" s="4" t="s">
        <v>5</v>
      </c>
      <c r="M5" s="4" t="s">
        <v>6</v>
      </c>
      <c r="N5" s="4" t="s">
        <v>7</v>
      </c>
      <c r="O5" s="4" t="s">
        <v>8</v>
      </c>
      <c r="P5" s="5" t="s">
        <v>9</v>
      </c>
      <c r="Q5" s="4" t="s">
        <v>10</v>
      </c>
      <c r="R5" s="5" t="s">
        <v>11</v>
      </c>
      <c r="S5" s="5" t="s">
        <v>12</v>
      </c>
    </row>
    <row r="6" spans="1:19" ht="18.75" customHeight="1">
      <c r="A6" s="80">
        <v>1</v>
      </c>
      <c r="B6" s="80" t="s">
        <v>13</v>
      </c>
      <c r="C6" s="80" t="s">
        <v>14</v>
      </c>
      <c r="D6" s="80" t="s">
        <v>15</v>
      </c>
      <c r="E6" s="90" t="s">
        <v>16</v>
      </c>
      <c r="F6" s="73">
        <v>0.58680555555555602</v>
      </c>
      <c r="G6" s="62" t="s">
        <v>17</v>
      </c>
      <c r="H6" s="9">
        <v>0.56597222222222199</v>
      </c>
      <c r="I6" s="9">
        <v>0.57291666666666696</v>
      </c>
      <c r="K6" s="80">
        <v>1</v>
      </c>
      <c r="L6" s="80" t="s">
        <v>13</v>
      </c>
      <c r="M6" s="80" t="s">
        <v>14</v>
      </c>
      <c r="N6" s="80" t="s">
        <v>15</v>
      </c>
      <c r="O6" s="90" t="s">
        <v>16</v>
      </c>
      <c r="P6" s="73">
        <v>0.58680555555555602</v>
      </c>
      <c r="Q6" s="62" t="s">
        <v>17</v>
      </c>
      <c r="R6" s="9">
        <v>0.56597222222222199</v>
      </c>
      <c r="S6" s="9">
        <v>0.57291666666666696</v>
      </c>
    </row>
    <row r="7" spans="1:19" ht="18.75" customHeight="1">
      <c r="A7" s="81"/>
      <c r="B7" s="81"/>
      <c r="C7" s="81"/>
      <c r="D7" s="81"/>
      <c r="E7" s="81"/>
      <c r="F7" s="74"/>
      <c r="G7" s="62" t="s">
        <v>18</v>
      </c>
      <c r="H7" s="9">
        <v>0.57291666666666696</v>
      </c>
      <c r="I7" s="9">
        <v>0.57986111111111105</v>
      </c>
      <c r="K7" s="81"/>
      <c r="L7" s="81"/>
      <c r="M7" s="81"/>
      <c r="N7" s="81"/>
      <c r="O7" s="81"/>
      <c r="P7" s="74"/>
      <c r="Q7" s="62" t="s">
        <v>18</v>
      </c>
      <c r="R7" s="9">
        <v>0.57291666666666696</v>
      </c>
      <c r="S7" s="9">
        <v>0.57986111111111105</v>
      </c>
    </row>
    <row r="8" spans="1:19" ht="18.75" customHeight="1">
      <c r="A8" s="82"/>
      <c r="B8" s="82"/>
      <c r="C8" s="82"/>
      <c r="D8" s="82"/>
      <c r="E8" s="82"/>
      <c r="F8" s="75"/>
      <c r="G8" s="8">
        <v>5</v>
      </c>
      <c r="H8" s="9">
        <v>0.57986111111111105</v>
      </c>
      <c r="I8" s="9">
        <v>0.58680555555555602</v>
      </c>
      <c r="K8" s="82"/>
      <c r="L8" s="82"/>
      <c r="M8" s="82"/>
      <c r="N8" s="82"/>
      <c r="O8" s="82"/>
      <c r="P8" s="75"/>
      <c r="Q8" s="8">
        <v>5</v>
      </c>
      <c r="R8" s="9">
        <v>0.57986111111111105</v>
      </c>
      <c r="S8" s="9">
        <v>0.58680555555555602</v>
      </c>
    </row>
    <row r="9" spans="1:19" ht="18.75" customHeight="1">
      <c r="A9" s="80">
        <v>2</v>
      </c>
      <c r="B9" s="80" t="s">
        <v>19</v>
      </c>
      <c r="C9" s="80" t="s">
        <v>14</v>
      </c>
      <c r="D9" s="80" t="s">
        <v>15</v>
      </c>
      <c r="E9" s="90" t="s">
        <v>16</v>
      </c>
      <c r="F9" s="73">
        <v>0.60763888888888895</v>
      </c>
      <c r="G9" s="62" t="s">
        <v>17</v>
      </c>
      <c r="H9" s="9">
        <v>0.58680555555555602</v>
      </c>
      <c r="I9" s="9">
        <v>0.59375</v>
      </c>
      <c r="K9" s="80">
        <v>2</v>
      </c>
      <c r="L9" s="80" t="s">
        <v>19</v>
      </c>
      <c r="M9" s="80" t="s">
        <v>14</v>
      </c>
      <c r="N9" s="80" t="s">
        <v>15</v>
      </c>
      <c r="O9" s="90" t="s">
        <v>16</v>
      </c>
      <c r="P9" s="73">
        <v>0.60763888888888895</v>
      </c>
      <c r="Q9" s="62" t="s">
        <v>17</v>
      </c>
      <c r="R9" s="9">
        <v>0.58680555555555602</v>
      </c>
      <c r="S9" s="9">
        <v>0.59375</v>
      </c>
    </row>
    <row r="10" spans="1:19" ht="18.75" customHeight="1">
      <c r="A10" s="81"/>
      <c r="B10" s="81"/>
      <c r="C10" s="81"/>
      <c r="D10" s="81"/>
      <c r="E10" s="81"/>
      <c r="F10" s="74"/>
      <c r="G10" s="62" t="s">
        <v>18</v>
      </c>
      <c r="H10" s="9">
        <v>0.59375</v>
      </c>
      <c r="I10" s="9">
        <v>0.60069444444444398</v>
      </c>
      <c r="K10" s="81"/>
      <c r="L10" s="81"/>
      <c r="M10" s="81"/>
      <c r="N10" s="81"/>
      <c r="O10" s="81"/>
      <c r="P10" s="74"/>
      <c r="Q10" s="62" t="s">
        <v>18</v>
      </c>
      <c r="R10" s="9">
        <v>0.59375</v>
      </c>
      <c r="S10" s="9">
        <v>0.60069444444444398</v>
      </c>
    </row>
    <row r="11" spans="1:19" ht="18.75" customHeight="1">
      <c r="A11" s="82"/>
      <c r="B11" s="82"/>
      <c r="C11" s="82"/>
      <c r="D11" s="82"/>
      <c r="E11" s="82"/>
      <c r="F11" s="75"/>
      <c r="G11" s="8">
        <v>5</v>
      </c>
      <c r="H11" s="9">
        <v>0.60069444444444398</v>
      </c>
      <c r="I11" s="9">
        <v>0.60763888888888895</v>
      </c>
      <c r="K11" s="82"/>
      <c r="L11" s="82"/>
      <c r="M11" s="82"/>
      <c r="N11" s="82"/>
      <c r="O11" s="82"/>
      <c r="P11" s="75"/>
      <c r="Q11" s="8">
        <v>5</v>
      </c>
      <c r="R11" s="9">
        <v>0.60069444444444398</v>
      </c>
      <c r="S11" s="9">
        <v>0.60763888888888895</v>
      </c>
    </row>
    <row r="12" spans="1:19" ht="18.75" customHeight="1">
      <c r="A12" s="80">
        <v>3</v>
      </c>
      <c r="B12" s="80" t="s">
        <v>13</v>
      </c>
      <c r="C12" s="80" t="s">
        <v>20</v>
      </c>
      <c r="D12" s="80" t="s">
        <v>15</v>
      </c>
      <c r="E12" s="90" t="s">
        <v>21</v>
      </c>
      <c r="F12" s="73">
        <v>0.62847222222222199</v>
      </c>
      <c r="G12" s="8">
        <v>1</v>
      </c>
      <c r="H12" s="9">
        <v>0.60763888888888895</v>
      </c>
      <c r="I12" s="9">
        <v>0.61458333333333304</v>
      </c>
      <c r="K12" s="80">
        <v>3</v>
      </c>
      <c r="L12" s="80" t="s">
        <v>13</v>
      </c>
      <c r="M12" s="80" t="s">
        <v>20</v>
      </c>
      <c r="N12" s="80" t="s">
        <v>15</v>
      </c>
      <c r="O12" s="90" t="s">
        <v>21</v>
      </c>
      <c r="P12" s="73">
        <v>0.62847222222222199</v>
      </c>
      <c r="Q12" s="8">
        <v>1</v>
      </c>
      <c r="R12" s="9">
        <v>0.60763888888888895</v>
      </c>
      <c r="S12" s="9">
        <v>0.61458333333333304</v>
      </c>
    </row>
    <row r="13" spans="1:19" ht="18.75" customHeight="1">
      <c r="A13" s="82"/>
      <c r="B13" s="82"/>
      <c r="C13" s="82"/>
      <c r="D13" s="82"/>
      <c r="E13" s="82"/>
      <c r="F13" s="75"/>
      <c r="G13" s="8">
        <v>2</v>
      </c>
      <c r="H13" s="9">
        <v>0.61458333333333304</v>
      </c>
      <c r="I13" s="9">
        <v>0.62152777777777801</v>
      </c>
      <c r="K13" s="82"/>
      <c r="L13" s="82"/>
      <c r="M13" s="82"/>
      <c r="N13" s="82"/>
      <c r="O13" s="82"/>
      <c r="P13" s="75"/>
      <c r="Q13" s="8">
        <v>2</v>
      </c>
      <c r="R13" s="9">
        <v>0.61458333333333304</v>
      </c>
      <c r="S13" s="9">
        <v>0.62152777777777801</v>
      </c>
    </row>
    <row r="14" spans="1:19" ht="18.75" customHeight="1">
      <c r="A14" s="80">
        <v>4</v>
      </c>
      <c r="B14" s="80" t="s">
        <v>19</v>
      </c>
      <c r="C14" s="80" t="s">
        <v>20</v>
      </c>
      <c r="D14" s="80" t="s">
        <v>15</v>
      </c>
      <c r="E14" s="90" t="s">
        <v>21</v>
      </c>
      <c r="F14" s="73">
        <v>0.64236111111111105</v>
      </c>
      <c r="G14" s="8">
        <v>1</v>
      </c>
      <c r="H14" s="9">
        <v>0.62152777777777801</v>
      </c>
      <c r="I14" s="9">
        <v>0.62847222222222199</v>
      </c>
      <c r="K14" s="80">
        <v>4</v>
      </c>
      <c r="L14" s="80" t="s">
        <v>19</v>
      </c>
      <c r="M14" s="80" t="s">
        <v>20</v>
      </c>
      <c r="N14" s="80" t="s">
        <v>15</v>
      </c>
      <c r="O14" s="90" t="s">
        <v>21</v>
      </c>
      <c r="P14" s="73">
        <v>0.64236111111111105</v>
      </c>
      <c r="Q14" s="8">
        <v>1</v>
      </c>
      <c r="R14" s="9">
        <v>0.62152777777777801</v>
      </c>
      <c r="S14" s="9">
        <v>0.62847222222222199</v>
      </c>
    </row>
    <row r="15" spans="1:19" ht="18.75" customHeight="1">
      <c r="A15" s="82"/>
      <c r="B15" s="82"/>
      <c r="C15" s="82"/>
      <c r="D15" s="82"/>
      <c r="E15" s="82"/>
      <c r="F15" s="75"/>
      <c r="G15" s="8">
        <v>2</v>
      </c>
      <c r="H15" s="9">
        <v>0.62847222222222199</v>
      </c>
      <c r="I15" s="9">
        <v>0.63541666666666696</v>
      </c>
      <c r="K15" s="82"/>
      <c r="L15" s="82"/>
      <c r="M15" s="82"/>
      <c r="N15" s="82"/>
      <c r="O15" s="82"/>
      <c r="P15" s="75"/>
      <c r="Q15" s="8">
        <v>2</v>
      </c>
      <c r="R15" s="9">
        <v>0.62847222222222199</v>
      </c>
      <c r="S15" s="9">
        <v>0.63541666666666696</v>
      </c>
    </row>
    <row r="16" spans="1:19" ht="18.75" customHeight="1">
      <c r="A16" s="80">
        <v>5</v>
      </c>
      <c r="B16" s="80" t="s">
        <v>13</v>
      </c>
      <c r="C16" s="80" t="s">
        <v>22</v>
      </c>
      <c r="D16" s="80" t="s">
        <v>15</v>
      </c>
      <c r="E16" s="90" t="s">
        <v>16</v>
      </c>
      <c r="F16" s="73">
        <v>0.65972222222222199</v>
      </c>
      <c r="G16" s="62" t="s">
        <v>17</v>
      </c>
      <c r="H16" s="9">
        <v>0.63888888888888895</v>
      </c>
      <c r="I16" s="9">
        <v>0.64583333333333304</v>
      </c>
      <c r="K16" s="80">
        <v>5</v>
      </c>
      <c r="L16" s="80" t="s">
        <v>13</v>
      </c>
      <c r="M16" s="80" t="s">
        <v>22</v>
      </c>
      <c r="N16" s="80" t="s">
        <v>15</v>
      </c>
      <c r="O16" s="90" t="s">
        <v>16</v>
      </c>
      <c r="P16" s="73">
        <v>0.65972222222222199</v>
      </c>
      <c r="Q16" s="62" t="s">
        <v>17</v>
      </c>
      <c r="R16" s="9">
        <v>0.63888888888888895</v>
      </c>
      <c r="S16" s="9">
        <v>0.64583333333333304</v>
      </c>
    </row>
    <row r="17" spans="1:20" ht="18.75" customHeight="1">
      <c r="A17" s="81"/>
      <c r="B17" s="81"/>
      <c r="C17" s="81"/>
      <c r="D17" s="81"/>
      <c r="E17" s="81"/>
      <c r="F17" s="74"/>
      <c r="G17" s="62" t="s">
        <v>18</v>
      </c>
      <c r="H17" s="9">
        <v>0.64583333333333304</v>
      </c>
      <c r="I17" s="9">
        <v>0.65277777777777801</v>
      </c>
      <c r="K17" s="81"/>
      <c r="L17" s="81"/>
      <c r="M17" s="81"/>
      <c r="N17" s="81"/>
      <c r="O17" s="81"/>
      <c r="P17" s="74"/>
      <c r="Q17" s="62" t="s">
        <v>18</v>
      </c>
      <c r="R17" s="9">
        <v>0.64583333333333304</v>
      </c>
      <c r="S17" s="9">
        <v>0.65277777777777801</v>
      </c>
    </row>
    <row r="18" spans="1:20" ht="18.75" customHeight="1">
      <c r="A18" s="82"/>
      <c r="B18" s="82"/>
      <c r="C18" s="82"/>
      <c r="D18" s="82"/>
      <c r="E18" s="82"/>
      <c r="F18" s="75"/>
      <c r="G18" s="8">
        <v>5</v>
      </c>
      <c r="H18" s="9">
        <v>0.65277777777777801</v>
      </c>
      <c r="I18" s="9">
        <v>0.65972222222222199</v>
      </c>
      <c r="K18" s="82"/>
      <c r="L18" s="82"/>
      <c r="M18" s="82"/>
      <c r="N18" s="82"/>
      <c r="O18" s="82"/>
      <c r="P18" s="75"/>
      <c r="Q18" s="8">
        <v>5</v>
      </c>
      <c r="R18" s="9">
        <v>0.65277777777777801</v>
      </c>
      <c r="S18" s="9">
        <v>0.65972222222222199</v>
      </c>
    </row>
    <row r="19" spans="1:20" ht="18.75" customHeight="1">
      <c r="A19" s="83">
        <v>6</v>
      </c>
      <c r="B19" s="83" t="s">
        <v>19</v>
      </c>
      <c r="C19" s="83" t="s">
        <v>22</v>
      </c>
      <c r="D19" s="83" t="s">
        <v>15</v>
      </c>
      <c r="E19" s="91" t="s">
        <v>16</v>
      </c>
      <c r="F19" s="73">
        <v>0.68055555555555602</v>
      </c>
      <c r="G19" s="62" t="s">
        <v>17</v>
      </c>
      <c r="H19" s="9">
        <v>0.65972222222222199</v>
      </c>
      <c r="I19" s="9">
        <v>0.66666666666666696</v>
      </c>
      <c r="K19" s="83">
        <v>6</v>
      </c>
      <c r="L19" s="83" t="s">
        <v>19</v>
      </c>
      <c r="M19" s="83" t="s">
        <v>22</v>
      </c>
      <c r="N19" s="83" t="s">
        <v>15</v>
      </c>
      <c r="O19" s="91" t="s">
        <v>16</v>
      </c>
      <c r="P19" s="73">
        <v>0.68055555555555602</v>
      </c>
      <c r="Q19" s="62" t="s">
        <v>17</v>
      </c>
      <c r="R19" s="9">
        <v>0.65972222222222199</v>
      </c>
      <c r="S19" s="9">
        <v>0.66666666666666696</v>
      </c>
    </row>
    <row r="20" spans="1:20" ht="18.75" customHeight="1">
      <c r="A20" s="83"/>
      <c r="B20" s="83"/>
      <c r="C20" s="83"/>
      <c r="D20" s="83"/>
      <c r="E20" s="83"/>
      <c r="F20" s="74"/>
      <c r="G20" s="62" t="s">
        <v>18</v>
      </c>
      <c r="H20" s="9">
        <v>0.66666666666666696</v>
      </c>
      <c r="I20" s="9">
        <v>0.67361111111111105</v>
      </c>
      <c r="K20" s="83"/>
      <c r="L20" s="83"/>
      <c r="M20" s="83"/>
      <c r="N20" s="83"/>
      <c r="O20" s="83"/>
      <c r="P20" s="74"/>
      <c r="Q20" s="62" t="s">
        <v>18</v>
      </c>
      <c r="R20" s="9">
        <v>0.66666666666666696</v>
      </c>
      <c r="S20" s="9">
        <v>0.67361111111111105</v>
      </c>
    </row>
    <row r="21" spans="1:20" ht="18.75" customHeight="1">
      <c r="A21" s="83"/>
      <c r="B21" s="83"/>
      <c r="C21" s="83"/>
      <c r="D21" s="83"/>
      <c r="E21" s="83"/>
      <c r="F21" s="75"/>
      <c r="G21" s="8">
        <v>5</v>
      </c>
      <c r="H21" s="9">
        <v>0.67361111111111105</v>
      </c>
      <c r="I21" s="9">
        <v>0.68055555555555503</v>
      </c>
      <c r="K21" s="83"/>
      <c r="L21" s="83"/>
      <c r="M21" s="83"/>
      <c r="N21" s="83"/>
      <c r="O21" s="83"/>
      <c r="P21" s="75"/>
      <c r="Q21" s="8">
        <v>5</v>
      </c>
      <c r="R21" s="9">
        <v>0.67361111111111105</v>
      </c>
      <c r="S21" s="9">
        <v>0.68055555555555503</v>
      </c>
    </row>
    <row r="22" spans="1:20" ht="18.75" customHeight="1">
      <c r="A22" s="10"/>
      <c r="B22" s="10"/>
      <c r="C22" s="10"/>
      <c r="D22" s="10"/>
      <c r="E22" s="10"/>
      <c r="F22" s="11"/>
      <c r="G22" s="10"/>
      <c r="H22" s="11"/>
      <c r="I22" s="11"/>
      <c r="K22" s="17">
        <v>7</v>
      </c>
      <c r="L22" s="17" t="s">
        <v>19</v>
      </c>
      <c r="M22" s="17" t="s">
        <v>23</v>
      </c>
      <c r="N22" s="17" t="s">
        <v>24</v>
      </c>
      <c r="O22" s="17"/>
      <c r="P22" s="48">
        <v>0.70833333333333304</v>
      </c>
      <c r="Q22" s="17">
        <v>1</v>
      </c>
      <c r="R22" s="48">
        <v>0.6875</v>
      </c>
      <c r="S22" s="48">
        <v>0.69444444444444398</v>
      </c>
      <c r="T22" s="1" t="s">
        <v>79</v>
      </c>
    </row>
    <row r="23" spans="1:20" ht="18.75" customHeight="1">
      <c r="A23" s="10"/>
      <c r="B23" s="10"/>
      <c r="C23" s="10"/>
      <c r="D23" s="10"/>
      <c r="E23" s="10"/>
      <c r="F23" s="11"/>
      <c r="G23" s="10"/>
      <c r="H23" s="11"/>
      <c r="I23" s="11"/>
      <c r="K23" s="10"/>
      <c r="L23" s="10"/>
      <c r="M23" s="10"/>
      <c r="N23" s="10"/>
      <c r="O23" s="10"/>
      <c r="P23" s="11"/>
      <c r="Q23" s="10"/>
      <c r="R23" s="50" t="s">
        <v>80</v>
      </c>
      <c r="S23" s="11"/>
    </row>
    <row r="24" spans="1:20" ht="18.75" customHeight="1">
      <c r="A24" s="1" t="s">
        <v>25</v>
      </c>
      <c r="F24" s="2"/>
      <c r="G24" s="1"/>
      <c r="K24" s="1" t="s">
        <v>25</v>
      </c>
      <c r="P24" s="2"/>
      <c r="Q24" s="1"/>
    </row>
    <row r="25" spans="1:20" ht="18.75" customHeight="1">
      <c r="A25" s="4" t="s">
        <v>4</v>
      </c>
      <c r="B25" s="4" t="s">
        <v>5</v>
      </c>
      <c r="C25" s="4" t="s">
        <v>6</v>
      </c>
      <c r="D25" s="4" t="s">
        <v>7</v>
      </c>
      <c r="E25" s="4" t="s">
        <v>26</v>
      </c>
      <c r="F25" s="5" t="s">
        <v>9</v>
      </c>
      <c r="G25" s="4" t="s">
        <v>10</v>
      </c>
      <c r="H25" s="5" t="s">
        <v>11</v>
      </c>
      <c r="I25" s="5" t="s">
        <v>12</v>
      </c>
      <c r="K25" s="4" t="s">
        <v>4</v>
      </c>
      <c r="L25" s="4" t="s">
        <v>5</v>
      </c>
      <c r="M25" s="4" t="s">
        <v>6</v>
      </c>
      <c r="N25" s="4" t="s">
        <v>7</v>
      </c>
      <c r="O25" s="4" t="s">
        <v>26</v>
      </c>
      <c r="P25" s="5" t="s">
        <v>9</v>
      </c>
      <c r="Q25" s="4" t="s">
        <v>10</v>
      </c>
      <c r="R25" s="5" t="s">
        <v>11</v>
      </c>
      <c r="S25" s="5" t="s">
        <v>12</v>
      </c>
    </row>
    <row r="26" spans="1:20" ht="18.75" customHeight="1">
      <c r="A26" s="8">
        <v>1</v>
      </c>
      <c r="B26" s="8" t="s">
        <v>13</v>
      </c>
      <c r="C26" s="8" t="s">
        <v>27</v>
      </c>
      <c r="D26" s="8" t="s">
        <v>24</v>
      </c>
      <c r="E26" s="8" t="s">
        <v>28</v>
      </c>
      <c r="F26" s="9">
        <v>0.58333333333333304</v>
      </c>
      <c r="G26" s="8">
        <v>1</v>
      </c>
      <c r="H26" s="9">
        <v>0.52777777777777801</v>
      </c>
      <c r="I26" s="9">
        <v>0.53472222222222199</v>
      </c>
      <c r="K26" s="8">
        <v>1</v>
      </c>
      <c r="L26" s="8" t="s">
        <v>13</v>
      </c>
      <c r="M26" s="8" t="s">
        <v>27</v>
      </c>
      <c r="N26" s="8" t="s">
        <v>24</v>
      </c>
      <c r="O26" s="8" t="s">
        <v>28</v>
      </c>
      <c r="P26" s="9">
        <v>0.58333333333333304</v>
      </c>
      <c r="Q26" s="8">
        <v>1</v>
      </c>
      <c r="R26" s="9">
        <v>0.52777777777777801</v>
      </c>
      <c r="S26" s="9">
        <v>0.53472222222222199</v>
      </c>
    </row>
    <row r="27" spans="1:20" ht="18.75" customHeight="1">
      <c r="A27" s="8">
        <v>2</v>
      </c>
      <c r="B27" s="8" t="s">
        <v>19</v>
      </c>
      <c r="C27" s="8" t="s">
        <v>29</v>
      </c>
      <c r="D27" s="8" t="s">
        <v>24</v>
      </c>
      <c r="E27" s="4" t="s">
        <v>49</v>
      </c>
      <c r="F27" s="9">
        <v>0.59375</v>
      </c>
      <c r="G27" s="8">
        <v>1</v>
      </c>
      <c r="H27" s="9">
        <v>0.55902777777777801</v>
      </c>
      <c r="I27" s="9">
        <v>0.56597222222222199</v>
      </c>
      <c r="K27" s="17">
        <v>2</v>
      </c>
      <c r="L27" s="17" t="s">
        <v>19</v>
      </c>
      <c r="M27" s="17" t="s">
        <v>29</v>
      </c>
      <c r="N27" s="17" t="s">
        <v>24</v>
      </c>
      <c r="O27" s="49" t="s">
        <v>30</v>
      </c>
      <c r="P27" s="18">
        <v>0.63541666666666696</v>
      </c>
      <c r="Q27" s="17">
        <v>1</v>
      </c>
      <c r="R27" s="18">
        <v>0.60069444444444398</v>
      </c>
      <c r="S27" s="18">
        <v>0.60763888888888895</v>
      </c>
      <c r="T27" s="1" t="s">
        <v>81</v>
      </c>
    </row>
    <row r="28" spans="1:20" ht="18.75" customHeight="1">
      <c r="A28" s="10"/>
      <c r="B28" s="10"/>
      <c r="C28" s="10"/>
      <c r="D28" s="10"/>
      <c r="E28" s="12"/>
      <c r="F28" s="11"/>
      <c r="G28" s="10"/>
      <c r="H28" s="11"/>
      <c r="I28" s="11"/>
      <c r="K28" s="10"/>
      <c r="L28" s="10"/>
      <c r="M28" s="10"/>
      <c r="N28" s="10"/>
      <c r="O28" s="12"/>
      <c r="P28" s="11"/>
      <c r="Q28" s="10"/>
      <c r="R28" s="11"/>
      <c r="S28" s="11"/>
    </row>
    <row r="29" spans="1:20" ht="18.75" customHeight="1">
      <c r="A29" s="1" t="s">
        <v>31</v>
      </c>
      <c r="B29" s="13"/>
      <c r="C29" s="13"/>
      <c r="D29" s="13"/>
      <c r="E29" s="14"/>
      <c r="F29" s="15"/>
      <c r="G29" s="13"/>
      <c r="H29" s="15"/>
      <c r="I29" s="15"/>
      <c r="K29" s="1" t="s">
        <v>31</v>
      </c>
      <c r="L29" s="13"/>
      <c r="M29" s="13"/>
      <c r="N29" s="13"/>
      <c r="O29" s="14"/>
      <c r="P29" s="15"/>
      <c r="Q29" s="13"/>
      <c r="R29" s="15"/>
      <c r="S29" s="15"/>
    </row>
    <row r="30" spans="1:20" ht="18.75" customHeight="1">
      <c r="A30" s="8">
        <v>1</v>
      </c>
      <c r="B30" s="8" t="s">
        <v>19</v>
      </c>
      <c r="C30" s="8" t="s">
        <v>32</v>
      </c>
      <c r="D30" s="8" t="s">
        <v>24</v>
      </c>
      <c r="E30" s="4" t="s">
        <v>33</v>
      </c>
      <c r="F30" s="9">
        <v>0.59027777777777801</v>
      </c>
      <c r="G30" s="8">
        <v>1</v>
      </c>
      <c r="H30" s="9">
        <v>0.55555555555555602</v>
      </c>
      <c r="I30" s="9">
        <v>0.5625</v>
      </c>
      <c r="K30" s="8">
        <v>1</v>
      </c>
      <c r="L30" s="8" t="s">
        <v>19</v>
      </c>
      <c r="M30" s="8" t="s">
        <v>32</v>
      </c>
      <c r="N30" s="8" t="s">
        <v>24</v>
      </c>
      <c r="O30" s="4" t="s">
        <v>33</v>
      </c>
      <c r="P30" s="9">
        <v>0.59027777777777801</v>
      </c>
      <c r="Q30" s="8">
        <v>1</v>
      </c>
      <c r="R30" s="9">
        <v>0.55555555555555602</v>
      </c>
      <c r="S30" s="9">
        <v>0.5625</v>
      </c>
    </row>
    <row r="31" spans="1:20" ht="18.75" customHeight="1">
      <c r="A31" s="8">
        <v>2</v>
      </c>
      <c r="B31" s="8" t="s">
        <v>13</v>
      </c>
      <c r="C31" s="8" t="s">
        <v>34</v>
      </c>
      <c r="D31" s="8" t="s">
        <v>24</v>
      </c>
      <c r="E31" s="4" t="s">
        <v>35</v>
      </c>
      <c r="F31" s="9">
        <v>0.60763888888888895</v>
      </c>
      <c r="G31" s="8">
        <v>1</v>
      </c>
      <c r="H31" s="9">
        <v>0.57291666666666696</v>
      </c>
      <c r="I31" s="9">
        <v>0.57986111111111105</v>
      </c>
      <c r="K31" s="8">
        <v>2</v>
      </c>
      <c r="L31" s="8" t="s">
        <v>13</v>
      </c>
      <c r="M31" s="8" t="s">
        <v>34</v>
      </c>
      <c r="N31" s="8" t="s">
        <v>24</v>
      </c>
      <c r="O31" s="4" t="s">
        <v>35</v>
      </c>
      <c r="P31" s="9">
        <v>0.60763888888888895</v>
      </c>
      <c r="Q31" s="8">
        <v>1</v>
      </c>
      <c r="R31" s="9">
        <v>0.57291666666666696</v>
      </c>
      <c r="S31" s="9">
        <v>0.57986111111111105</v>
      </c>
    </row>
    <row r="32" spans="1:20" ht="15" customHeight="1">
      <c r="A32" s="16"/>
      <c r="B32" s="10"/>
      <c r="C32" s="10"/>
      <c r="D32" s="10"/>
      <c r="E32" s="10"/>
      <c r="F32" s="10"/>
      <c r="G32" s="11"/>
      <c r="H32" s="11"/>
      <c r="I32" s="11"/>
      <c r="K32" s="16"/>
      <c r="L32" s="10"/>
      <c r="M32" s="10"/>
      <c r="N32" s="10"/>
      <c r="O32" s="10"/>
      <c r="P32" s="10"/>
      <c r="Q32" s="11"/>
      <c r="R32" s="11"/>
      <c r="S32" s="11"/>
    </row>
    <row r="33" spans="1:19" ht="27" customHeight="1">
      <c r="A33" s="92" t="s">
        <v>36</v>
      </c>
      <c r="B33" s="92"/>
      <c r="C33" s="92"/>
      <c r="D33" s="92"/>
      <c r="E33" s="92"/>
      <c r="F33" s="92"/>
      <c r="G33" s="92"/>
      <c r="H33" s="92"/>
      <c r="I33" s="92"/>
      <c r="K33" s="92" t="s">
        <v>36</v>
      </c>
      <c r="L33" s="92"/>
      <c r="M33" s="92"/>
      <c r="N33" s="92"/>
      <c r="O33" s="92"/>
      <c r="P33" s="92"/>
      <c r="Q33" s="92"/>
      <c r="R33" s="92"/>
      <c r="S33" s="92"/>
    </row>
    <row r="34" spans="1:19" ht="15" customHeight="1">
      <c r="A34" s="1" t="s">
        <v>3</v>
      </c>
      <c r="C34" s="3"/>
      <c r="D34" s="3"/>
      <c r="E34" s="3"/>
      <c r="F34" s="3"/>
      <c r="G34" s="3"/>
      <c r="H34" s="3"/>
      <c r="I34" s="3"/>
      <c r="K34" s="1" t="s">
        <v>3</v>
      </c>
      <c r="M34" s="3"/>
      <c r="N34" s="3"/>
      <c r="O34" s="3"/>
      <c r="P34" s="3"/>
      <c r="Q34" s="3"/>
      <c r="R34" s="3"/>
      <c r="S34" s="3"/>
    </row>
    <row r="35" spans="1:19" ht="18.75" customHeight="1">
      <c r="A35" s="4" t="s">
        <v>4</v>
      </c>
      <c r="B35" s="4" t="s">
        <v>5</v>
      </c>
      <c r="C35" s="4" t="s">
        <v>6</v>
      </c>
      <c r="D35" s="4" t="s">
        <v>7</v>
      </c>
      <c r="E35" s="4" t="s">
        <v>8</v>
      </c>
      <c r="F35" s="5" t="s">
        <v>9</v>
      </c>
      <c r="G35" s="4" t="s">
        <v>10</v>
      </c>
      <c r="H35" s="5" t="s">
        <v>11</v>
      </c>
      <c r="I35" s="5" t="s">
        <v>12</v>
      </c>
      <c r="K35" s="4" t="s">
        <v>4</v>
      </c>
      <c r="L35" s="4" t="s">
        <v>5</v>
      </c>
      <c r="M35" s="4" t="s">
        <v>6</v>
      </c>
      <c r="N35" s="4" t="s">
        <v>7</v>
      </c>
      <c r="O35" s="4" t="s">
        <v>8</v>
      </c>
      <c r="P35" s="5" t="s">
        <v>9</v>
      </c>
      <c r="Q35" s="4" t="s">
        <v>10</v>
      </c>
      <c r="R35" s="5" t="s">
        <v>11</v>
      </c>
      <c r="S35" s="5" t="s">
        <v>12</v>
      </c>
    </row>
    <row r="36" spans="1:19" ht="18.75" customHeight="1">
      <c r="A36" s="80">
        <v>1</v>
      </c>
      <c r="B36" s="80" t="s">
        <v>19</v>
      </c>
      <c r="C36" s="80" t="s">
        <v>37</v>
      </c>
      <c r="D36" s="80" t="s">
        <v>38</v>
      </c>
      <c r="E36" s="80" t="s">
        <v>39</v>
      </c>
      <c r="F36" s="73">
        <v>0.38888888888888901</v>
      </c>
      <c r="G36" s="8" t="s">
        <v>17</v>
      </c>
      <c r="H36" s="9">
        <v>0.36805555555555602</v>
      </c>
      <c r="I36" s="9">
        <v>0.375</v>
      </c>
      <c r="K36" s="80">
        <v>1</v>
      </c>
      <c r="L36" s="80" t="s">
        <v>19</v>
      </c>
      <c r="M36" s="80" t="s">
        <v>37</v>
      </c>
      <c r="N36" s="80" t="s">
        <v>38</v>
      </c>
      <c r="O36" s="80" t="s">
        <v>39</v>
      </c>
      <c r="P36" s="73">
        <v>0.38888888888888901</v>
      </c>
      <c r="Q36" s="8" t="s">
        <v>17</v>
      </c>
      <c r="R36" s="9">
        <v>0.36805555555555602</v>
      </c>
      <c r="S36" s="9">
        <v>0.375</v>
      </c>
    </row>
    <row r="37" spans="1:19" ht="18.75" customHeight="1">
      <c r="A37" s="82"/>
      <c r="B37" s="82"/>
      <c r="C37" s="82"/>
      <c r="D37" s="82"/>
      <c r="E37" s="82"/>
      <c r="F37" s="75"/>
      <c r="G37" s="8">
        <v>3</v>
      </c>
      <c r="H37" s="9">
        <v>0.375</v>
      </c>
      <c r="I37" s="9">
        <v>0.38194444444444398</v>
      </c>
      <c r="K37" s="82"/>
      <c r="L37" s="82"/>
      <c r="M37" s="82"/>
      <c r="N37" s="82"/>
      <c r="O37" s="82"/>
      <c r="P37" s="75"/>
      <c r="Q37" s="8">
        <v>3</v>
      </c>
      <c r="R37" s="9">
        <v>0.375</v>
      </c>
      <c r="S37" s="9">
        <v>0.38194444444444398</v>
      </c>
    </row>
    <row r="38" spans="1:19" ht="18.75" customHeight="1">
      <c r="A38" s="6">
        <v>2</v>
      </c>
      <c r="B38" s="6" t="s">
        <v>13</v>
      </c>
      <c r="C38" s="6" t="s">
        <v>14</v>
      </c>
      <c r="D38" s="6" t="s">
        <v>40</v>
      </c>
      <c r="E38" s="6" t="s">
        <v>41</v>
      </c>
      <c r="F38" s="7">
        <v>0.40277777777777801</v>
      </c>
      <c r="G38" s="8" t="s">
        <v>17</v>
      </c>
      <c r="H38" s="9">
        <v>0.38194444444444398</v>
      </c>
      <c r="I38" s="9">
        <v>0.38888888888888901</v>
      </c>
      <c r="K38" s="6">
        <v>2</v>
      </c>
      <c r="L38" s="6" t="s">
        <v>13</v>
      </c>
      <c r="M38" s="6" t="s">
        <v>14</v>
      </c>
      <c r="N38" s="6" t="s">
        <v>40</v>
      </c>
      <c r="O38" s="6" t="s">
        <v>41</v>
      </c>
      <c r="P38" s="7">
        <v>0.40277777777777801</v>
      </c>
      <c r="Q38" s="8" t="s">
        <v>17</v>
      </c>
      <c r="R38" s="9">
        <v>0.38194444444444398</v>
      </c>
      <c r="S38" s="9">
        <v>0.38888888888888901</v>
      </c>
    </row>
    <row r="39" spans="1:19" ht="18.75" customHeight="1">
      <c r="A39" s="6">
        <v>3</v>
      </c>
      <c r="B39" s="6" t="s">
        <v>19</v>
      </c>
      <c r="C39" s="6" t="s">
        <v>14</v>
      </c>
      <c r="D39" s="6" t="s">
        <v>40</v>
      </c>
      <c r="E39" s="6" t="s">
        <v>41</v>
      </c>
      <c r="F39" s="7">
        <v>0.41319444444444398</v>
      </c>
      <c r="G39" s="8" t="s">
        <v>17</v>
      </c>
      <c r="H39" s="9">
        <v>0.39236111111111099</v>
      </c>
      <c r="I39" s="9">
        <v>0.39930555555555602</v>
      </c>
      <c r="K39" s="6">
        <v>3</v>
      </c>
      <c r="L39" s="6" t="s">
        <v>19</v>
      </c>
      <c r="M39" s="6" t="s">
        <v>14</v>
      </c>
      <c r="N39" s="6" t="s">
        <v>40</v>
      </c>
      <c r="O39" s="6" t="s">
        <v>41</v>
      </c>
      <c r="P39" s="7">
        <v>0.41319444444444398</v>
      </c>
      <c r="Q39" s="8" t="s">
        <v>17</v>
      </c>
      <c r="R39" s="9">
        <v>0.39236111111111099</v>
      </c>
      <c r="S39" s="9">
        <v>0.39930555555555602</v>
      </c>
    </row>
    <row r="40" spans="1:19" ht="18.75" customHeight="1">
      <c r="A40" s="80">
        <v>4</v>
      </c>
      <c r="B40" s="80" t="s">
        <v>13</v>
      </c>
      <c r="C40" s="80" t="s">
        <v>42</v>
      </c>
      <c r="D40" s="80" t="s">
        <v>15</v>
      </c>
      <c r="E40" s="80" t="s">
        <v>16</v>
      </c>
      <c r="F40" s="73">
        <v>0.42708333333333298</v>
      </c>
      <c r="G40" s="62" t="s">
        <v>17</v>
      </c>
      <c r="H40" s="9">
        <v>0.40625</v>
      </c>
      <c r="I40" s="9">
        <v>0.41319444444444398</v>
      </c>
      <c r="K40" s="80">
        <v>4</v>
      </c>
      <c r="L40" s="80" t="s">
        <v>13</v>
      </c>
      <c r="M40" s="80" t="s">
        <v>42</v>
      </c>
      <c r="N40" s="80" t="s">
        <v>15</v>
      </c>
      <c r="O40" s="80" t="s">
        <v>16</v>
      </c>
      <c r="P40" s="73">
        <v>0.42708333333333298</v>
      </c>
      <c r="Q40" s="62" t="s">
        <v>17</v>
      </c>
      <c r="R40" s="9">
        <v>0.40625</v>
      </c>
      <c r="S40" s="9">
        <v>0.41319444444444398</v>
      </c>
    </row>
    <row r="41" spans="1:19" ht="18.75" customHeight="1">
      <c r="A41" s="81"/>
      <c r="B41" s="81"/>
      <c r="C41" s="81"/>
      <c r="D41" s="81"/>
      <c r="E41" s="81"/>
      <c r="F41" s="74"/>
      <c r="G41" s="62" t="s">
        <v>18</v>
      </c>
      <c r="H41" s="9">
        <v>0.41319444444444398</v>
      </c>
      <c r="I41" s="9">
        <v>0.42013888888888901</v>
      </c>
      <c r="K41" s="81"/>
      <c r="L41" s="81"/>
      <c r="M41" s="81"/>
      <c r="N41" s="81"/>
      <c r="O41" s="81"/>
      <c r="P41" s="74"/>
      <c r="Q41" s="62" t="s">
        <v>18</v>
      </c>
      <c r="R41" s="9">
        <v>0.41319444444444398</v>
      </c>
      <c r="S41" s="9">
        <v>0.42013888888888901</v>
      </c>
    </row>
    <row r="42" spans="1:19" ht="18.75" customHeight="1">
      <c r="A42" s="82"/>
      <c r="B42" s="82"/>
      <c r="C42" s="82"/>
      <c r="D42" s="82"/>
      <c r="E42" s="82"/>
      <c r="F42" s="75"/>
      <c r="G42" s="8">
        <v>5</v>
      </c>
      <c r="H42" s="9">
        <v>0.42013888888888901</v>
      </c>
      <c r="I42" s="9">
        <v>0.42708333333333298</v>
      </c>
      <c r="K42" s="82"/>
      <c r="L42" s="82"/>
      <c r="M42" s="82"/>
      <c r="N42" s="82"/>
      <c r="O42" s="82"/>
      <c r="P42" s="75"/>
      <c r="Q42" s="8">
        <v>5</v>
      </c>
      <c r="R42" s="9">
        <v>0.42013888888888901</v>
      </c>
      <c r="S42" s="9">
        <v>0.42708333333333298</v>
      </c>
    </row>
    <row r="43" spans="1:19" ht="18.75" customHeight="1">
      <c r="A43" s="80">
        <v>5</v>
      </c>
      <c r="B43" s="80" t="s">
        <v>19</v>
      </c>
      <c r="C43" s="80" t="s">
        <v>43</v>
      </c>
      <c r="D43" s="80" t="s">
        <v>15</v>
      </c>
      <c r="E43" s="80" t="s">
        <v>16</v>
      </c>
      <c r="F43" s="73">
        <v>0.44444444444444398</v>
      </c>
      <c r="G43" s="62" t="s">
        <v>17</v>
      </c>
      <c r="H43" s="9">
        <v>0.42361111111111099</v>
      </c>
      <c r="I43" s="9">
        <v>0.43055555555555602</v>
      </c>
      <c r="K43" s="80">
        <v>5</v>
      </c>
      <c r="L43" s="80" t="s">
        <v>19</v>
      </c>
      <c r="M43" s="80" t="s">
        <v>43</v>
      </c>
      <c r="N43" s="80" t="s">
        <v>15</v>
      </c>
      <c r="O43" s="80" t="s">
        <v>16</v>
      </c>
      <c r="P43" s="73">
        <v>0.44444444444444398</v>
      </c>
      <c r="Q43" s="62" t="s">
        <v>17</v>
      </c>
      <c r="R43" s="9">
        <v>0.42361111111111099</v>
      </c>
      <c r="S43" s="9">
        <v>0.43055555555555602</v>
      </c>
    </row>
    <row r="44" spans="1:19" ht="18.75" customHeight="1">
      <c r="A44" s="81"/>
      <c r="B44" s="81"/>
      <c r="C44" s="81"/>
      <c r="D44" s="81"/>
      <c r="E44" s="81"/>
      <c r="F44" s="74"/>
      <c r="G44" s="62" t="s">
        <v>18</v>
      </c>
      <c r="H44" s="9">
        <v>0.43055555555555602</v>
      </c>
      <c r="I44" s="9">
        <v>0.4375</v>
      </c>
      <c r="K44" s="81"/>
      <c r="L44" s="81"/>
      <c r="M44" s="81"/>
      <c r="N44" s="81"/>
      <c r="O44" s="81"/>
      <c r="P44" s="74"/>
      <c r="Q44" s="62" t="s">
        <v>18</v>
      </c>
      <c r="R44" s="9">
        <v>0.43055555555555602</v>
      </c>
      <c r="S44" s="9">
        <v>0.4375</v>
      </c>
    </row>
    <row r="45" spans="1:19" ht="18.75" customHeight="1">
      <c r="A45" s="82"/>
      <c r="B45" s="82"/>
      <c r="C45" s="82"/>
      <c r="D45" s="82"/>
      <c r="E45" s="82"/>
      <c r="F45" s="75"/>
      <c r="G45" s="8">
        <v>5</v>
      </c>
      <c r="H45" s="9">
        <v>0.4375</v>
      </c>
      <c r="I45" s="9">
        <v>0.44444444444444398</v>
      </c>
      <c r="K45" s="82"/>
      <c r="L45" s="82"/>
      <c r="M45" s="82"/>
      <c r="N45" s="82"/>
      <c r="O45" s="82"/>
      <c r="P45" s="75"/>
      <c r="Q45" s="8">
        <v>5</v>
      </c>
      <c r="R45" s="9">
        <v>0.4375</v>
      </c>
      <c r="S45" s="9">
        <v>0.44444444444444398</v>
      </c>
    </row>
    <row r="46" spans="1:19" ht="18.75" customHeight="1">
      <c r="A46" s="6">
        <v>6</v>
      </c>
      <c r="B46" s="6" t="s">
        <v>13</v>
      </c>
      <c r="C46" s="6" t="s">
        <v>22</v>
      </c>
      <c r="D46" s="6" t="s">
        <v>40</v>
      </c>
      <c r="E46" s="6" t="s">
        <v>41</v>
      </c>
      <c r="F46" s="7">
        <v>0.46527777777777801</v>
      </c>
      <c r="G46" s="62" t="s">
        <v>17</v>
      </c>
      <c r="H46" s="9">
        <v>0.44444444444444398</v>
      </c>
      <c r="I46" s="9">
        <v>0.45138888888888901</v>
      </c>
      <c r="K46" s="6">
        <v>6</v>
      </c>
      <c r="L46" s="6" t="s">
        <v>13</v>
      </c>
      <c r="M46" s="6" t="s">
        <v>22</v>
      </c>
      <c r="N46" s="6" t="s">
        <v>40</v>
      </c>
      <c r="O46" s="6" t="s">
        <v>41</v>
      </c>
      <c r="P46" s="7">
        <v>0.46527777777777801</v>
      </c>
      <c r="Q46" s="62" t="s">
        <v>17</v>
      </c>
      <c r="R46" s="9">
        <v>0.44444444444444398</v>
      </c>
      <c r="S46" s="9">
        <v>0.45138888888888901</v>
      </c>
    </row>
    <row r="47" spans="1:19" ht="18.75" customHeight="1">
      <c r="A47" s="6">
        <v>7</v>
      </c>
      <c r="B47" s="6" t="s">
        <v>19</v>
      </c>
      <c r="C47" s="6" t="s">
        <v>22</v>
      </c>
      <c r="D47" s="6" t="s">
        <v>40</v>
      </c>
      <c r="E47" s="6" t="s">
        <v>41</v>
      </c>
      <c r="F47" s="7">
        <v>0.47222222222222199</v>
      </c>
      <c r="G47" s="62" t="s">
        <v>17</v>
      </c>
      <c r="H47" s="9">
        <v>0.45138888888888901</v>
      </c>
      <c r="I47" s="9">
        <v>0.45833333333333298</v>
      </c>
      <c r="K47" s="6">
        <v>7</v>
      </c>
      <c r="L47" s="6" t="s">
        <v>19</v>
      </c>
      <c r="M47" s="6" t="s">
        <v>22</v>
      </c>
      <c r="N47" s="6" t="s">
        <v>40</v>
      </c>
      <c r="O47" s="6" t="s">
        <v>41</v>
      </c>
      <c r="P47" s="7">
        <v>0.47222222222222199</v>
      </c>
      <c r="Q47" s="62" t="s">
        <v>17</v>
      </c>
      <c r="R47" s="9">
        <v>0.45138888888888901</v>
      </c>
      <c r="S47" s="9">
        <v>0.45833333333333298</v>
      </c>
    </row>
    <row r="48" spans="1:19" ht="18.75" customHeight="1">
      <c r="A48" s="6">
        <v>8</v>
      </c>
      <c r="B48" s="6" t="s">
        <v>13</v>
      </c>
      <c r="C48" s="6" t="s">
        <v>42</v>
      </c>
      <c r="D48" s="6" t="s">
        <v>40</v>
      </c>
      <c r="E48" s="6" t="s">
        <v>41</v>
      </c>
      <c r="F48" s="7">
        <v>0.49305555555555602</v>
      </c>
      <c r="G48" s="62" t="s">
        <v>17</v>
      </c>
      <c r="H48" s="9">
        <v>0.47222222222222199</v>
      </c>
      <c r="I48" s="9">
        <v>0.47916666666666702</v>
      </c>
      <c r="K48" s="6">
        <v>8</v>
      </c>
      <c r="L48" s="6" t="s">
        <v>13</v>
      </c>
      <c r="M48" s="6" t="s">
        <v>42</v>
      </c>
      <c r="N48" s="6" t="s">
        <v>40</v>
      </c>
      <c r="O48" s="6" t="s">
        <v>41</v>
      </c>
      <c r="P48" s="7">
        <v>0.49305555555555602</v>
      </c>
      <c r="Q48" s="62" t="s">
        <v>17</v>
      </c>
      <c r="R48" s="9">
        <v>0.47222222222222199</v>
      </c>
      <c r="S48" s="9">
        <v>0.47916666666666702</v>
      </c>
    </row>
    <row r="49" spans="1:19" ht="18.75" customHeight="1">
      <c r="A49" s="6">
        <v>9</v>
      </c>
      <c r="B49" s="6" t="s">
        <v>19</v>
      </c>
      <c r="C49" s="6" t="s">
        <v>43</v>
      </c>
      <c r="D49" s="6" t="s">
        <v>40</v>
      </c>
      <c r="E49" s="6" t="s">
        <v>41</v>
      </c>
      <c r="F49" s="7">
        <v>0.50694444444444398</v>
      </c>
      <c r="G49" s="62" t="s">
        <v>17</v>
      </c>
      <c r="H49" s="9">
        <v>0.48611111111111099</v>
      </c>
      <c r="I49" s="9">
        <v>0.49305555555555602</v>
      </c>
      <c r="K49" s="6">
        <v>9</v>
      </c>
      <c r="L49" s="6" t="s">
        <v>19</v>
      </c>
      <c r="M49" s="6" t="s">
        <v>43</v>
      </c>
      <c r="N49" s="6" t="s">
        <v>40</v>
      </c>
      <c r="O49" s="6" t="s">
        <v>41</v>
      </c>
      <c r="P49" s="7">
        <v>0.50694444444444398</v>
      </c>
      <c r="Q49" s="62" t="s">
        <v>17</v>
      </c>
      <c r="R49" s="9">
        <v>0.48611111111111099</v>
      </c>
      <c r="S49" s="9">
        <v>0.49305555555555602</v>
      </c>
    </row>
    <row r="50" spans="1:19" ht="18.75" customHeight="1">
      <c r="A50" s="8">
        <v>10</v>
      </c>
      <c r="B50" s="8" t="s">
        <v>13</v>
      </c>
      <c r="C50" s="8" t="s">
        <v>20</v>
      </c>
      <c r="D50" s="8" t="s">
        <v>24</v>
      </c>
      <c r="E50" s="8"/>
      <c r="F50" s="9">
        <v>0.52430555555555602</v>
      </c>
      <c r="G50" s="8">
        <v>1</v>
      </c>
      <c r="H50" s="9">
        <v>0.50347222222222199</v>
      </c>
      <c r="I50" s="9">
        <v>0.51041666666666696</v>
      </c>
      <c r="K50" s="8">
        <v>10</v>
      </c>
      <c r="L50" s="8" t="s">
        <v>13</v>
      </c>
      <c r="M50" s="8" t="s">
        <v>20</v>
      </c>
      <c r="N50" s="8" t="s">
        <v>24</v>
      </c>
      <c r="O50" s="8"/>
      <c r="P50" s="9">
        <v>0.52430555555555602</v>
      </c>
      <c r="Q50" s="8">
        <v>1</v>
      </c>
      <c r="R50" s="9">
        <v>0.50347222222222199</v>
      </c>
      <c r="S50" s="9">
        <v>0.51041666666666696</v>
      </c>
    </row>
    <row r="51" spans="1:19" ht="18.75" customHeight="1">
      <c r="A51" s="8">
        <v>11</v>
      </c>
      <c r="B51" s="8" t="s">
        <v>19</v>
      </c>
      <c r="C51" s="8" t="s">
        <v>20</v>
      </c>
      <c r="D51" s="8" t="s">
        <v>24</v>
      </c>
      <c r="E51" s="8"/>
      <c r="F51" s="9">
        <v>0.53125</v>
      </c>
      <c r="G51" s="8">
        <v>1</v>
      </c>
      <c r="H51" s="9">
        <v>0.51041666666666696</v>
      </c>
      <c r="I51" s="9">
        <v>0.51736111111111105</v>
      </c>
      <c r="K51" s="8">
        <v>11</v>
      </c>
      <c r="L51" s="8" t="s">
        <v>19</v>
      </c>
      <c r="M51" s="8" t="s">
        <v>20</v>
      </c>
      <c r="N51" s="8" t="s">
        <v>24</v>
      </c>
      <c r="O51" s="8"/>
      <c r="P51" s="9">
        <v>0.53125</v>
      </c>
      <c r="Q51" s="8">
        <v>1</v>
      </c>
      <c r="R51" s="9">
        <v>0.51041666666666696</v>
      </c>
      <c r="S51" s="9">
        <v>0.51736111111111105</v>
      </c>
    </row>
    <row r="52" spans="1:19" ht="18.75" customHeight="1">
      <c r="A52" s="8">
        <v>12</v>
      </c>
      <c r="B52" s="8" t="s">
        <v>13</v>
      </c>
      <c r="C52" s="8" t="s">
        <v>22</v>
      </c>
      <c r="D52" s="8" t="s">
        <v>24</v>
      </c>
      <c r="E52" s="8"/>
      <c r="F52" s="9">
        <v>0.54166666666666696</v>
      </c>
      <c r="G52" s="8">
        <v>1</v>
      </c>
      <c r="H52" s="9">
        <v>0.52083333333333304</v>
      </c>
      <c r="I52" s="9">
        <v>0.52777777777777801</v>
      </c>
      <c r="K52" s="8">
        <v>12</v>
      </c>
      <c r="L52" s="8" t="s">
        <v>13</v>
      </c>
      <c r="M52" s="8" t="s">
        <v>22</v>
      </c>
      <c r="N52" s="8" t="s">
        <v>24</v>
      </c>
      <c r="O52" s="8"/>
      <c r="P52" s="9">
        <v>0.54166666666666696</v>
      </c>
      <c r="Q52" s="8">
        <v>1</v>
      </c>
      <c r="R52" s="9">
        <v>0.52083333333333304</v>
      </c>
      <c r="S52" s="9">
        <v>0.52777777777777801</v>
      </c>
    </row>
    <row r="53" spans="1:19" ht="18.75" customHeight="1">
      <c r="A53" s="8">
        <v>13</v>
      </c>
      <c r="B53" s="8" t="s">
        <v>19</v>
      </c>
      <c r="C53" s="8" t="s">
        <v>22</v>
      </c>
      <c r="D53" s="8" t="s">
        <v>24</v>
      </c>
      <c r="E53" s="8"/>
      <c r="F53" s="9">
        <v>0.54861111111111105</v>
      </c>
      <c r="G53" s="8">
        <v>1</v>
      </c>
      <c r="H53" s="9">
        <v>0.52777777777777801</v>
      </c>
      <c r="I53" s="9">
        <v>0.53472222222222199</v>
      </c>
      <c r="K53" s="8">
        <v>13</v>
      </c>
      <c r="L53" s="8" t="s">
        <v>19</v>
      </c>
      <c r="M53" s="8" t="s">
        <v>22</v>
      </c>
      <c r="N53" s="8" t="s">
        <v>24</v>
      </c>
      <c r="O53" s="8"/>
      <c r="P53" s="9">
        <v>0.54861111111111105</v>
      </c>
      <c r="Q53" s="8">
        <v>1</v>
      </c>
      <c r="R53" s="9">
        <v>0.52777777777777801</v>
      </c>
      <c r="S53" s="9">
        <v>0.53472222222222199</v>
      </c>
    </row>
    <row r="54" spans="1:19" ht="18.75" customHeight="1">
      <c r="A54" s="8">
        <v>14</v>
      </c>
      <c r="B54" s="8" t="s">
        <v>13</v>
      </c>
      <c r="C54" s="8" t="s">
        <v>42</v>
      </c>
      <c r="D54" s="8" t="s">
        <v>24</v>
      </c>
      <c r="E54" s="8"/>
      <c r="F54" s="9">
        <v>0.56944444444444398</v>
      </c>
      <c r="G54" s="8">
        <v>1</v>
      </c>
      <c r="H54" s="9">
        <v>0.54861111111111105</v>
      </c>
      <c r="I54" s="9">
        <v>0.55555555555555602</v>
      </c>
      <c r="K54" s="8">
        <v>14</v>
      </c>
      <c r="L54" s="8" t="s">
        <v>13</v>
      </c>
      <c r="M54" s="8" t="s">
        <v>42</v>
      </c>
      <c r="N54" s="8" t="s">
        <v>24</v>
      </c>
      <c r="O54" s="8"/>
      <c r="P54" s="9">
        <v>0.56944444444444398</v>
      </c>
      <c r="Q54" s="8">
        <v>1</v>
      </c>
      <c r="R54" s="9">
        <v>0.54861111111111105</v>
      </c>
      <c r="S54" s="9">
        <v>0.55555555555555602</v>
      </c>
    </row>
    <row r="55" spans="1:19" ht="18.75" customHeight="1">
      <c r="A55" s="8">
        <v>15</v>
      </c>
      <c r="B55" s="8" t="s">
        <v>19</v>
      </c>
      <c r="C55" s="8" t="s">
        <v>43</v>
      </c>
      <c r="D55" s="8" t="s">
        <v>24</v>
      </c>
      <c r="E55" s="8"/>
      <c r="F55" s="9">
        <v>0.57638888888888895</v>
      </c>
      <c r="G55" s="8">
        <v>1</v>
      </c>
      <c r="H55" s="9">
        <v>0.55555555555555602</v>
      </c>
      <c r="I55" s="9">
        <v>0.5625</v>
      </c>
      <c r="K55" s="8">
        <v>15</v>
      </c>
      <c r="L55" s="8" t="s">
        <v>19</v>
      </c>
      <c r="M55" s="8" t="s">
        <v>43</v>
      </c>
      <c r="N55" s="8" t="s">
        <v>24</v>
      </c>
      <c r="O55" s="8"/>
      <c r="P55" s="9">
        <v>0.57638888888888895</v>
      </c>
      <c r="Q55" s="8">
        <v>1</v>
      </c>
      <c r="R55" s="9">
        <v>0.55555555555555602</v>
      </c>
      <c r="S55" s="9">
        <v>0.5625</v>
      </c>
    </row>
    <row r="56" spans="1:19" ht="18.75" customHeight="1">
      <c r="A56" s="17">
        <v>16</v>
      </c>
      <c r="B56" s="17" t="s">
        <v>13</v>
      </c>
      <c r="C56" s="17" t="s">
        <v>23</v>
      </c>
      <c r="D56" s="17" t="s">
        <v>24</v>
      </c>
      <c r="E56" s="17"/>
      <c r="F56" s="18">
        <v>0.58680555555555503</v>
      </c>
      <c r="G56" s="17">
        <v>1</v>
      </c>
      <c r="H56" s="18">
        <v>0.56597222222222199</v>
      </c>
      <c r="I56" s="18">
        <v>0.57291666666666696</v>
      </c>
      <c r="K56" s="17"/>
      <c r="L56" s="17"/>
      <c r="M56" s="17"/>
      <c r="N56" s="17"/>
      <c r="O56" s="17"/>
      <c r="P56" s="18"/>
      <c r="Q56" s="17"/>
      <c r="R56" s="18"/>
      <c r="S56" s="18"/>
    </row>
    <row r="57" spans="1:19" ht="18.75" customHeight="1">
      <c r="A57" s="80">
        <v>17</v>
      </c>
      <c r="B57" s="80" t="s">
        <v>13</v>
      </c>
      <c r="C57" s="80" t="s">
        <v>44</v>
      </c>
      <c r="D57" s="80" t="s">
        <v>15</v>
      </c>
      <c r="E57" s="80" t="s">
        <v>16</v>
      </c>
      <c r="F57" s="73">
        <v>0.61805555555555503</v>
      </c>
      <c r="G57" s="62" t="s">
        <v>17</v>
      </c>
      <c r="H57" s="9">
        <v>0.59722222222222199</v>
      </c>
      <c r="I57" s="9">
        <v>0.60416666666666696</v>
      </c>
      <c r="K57" s="80">
        <v>16</v>
      </c>
      <c r="L57" s="80" t="s">
        <v>13</v>
      </c>
      <c r="M57" s="80" t="s">
        <v>44</v>
      </c>
      <c r="N57" s="80" t="s">
        <v>15</v>
      </c>
      <c r="O57" s="80" t="s">
        <v>16</v>
      </c>
      <c r="P57" s="73">
        <v>0.61805555555555503</v>
      </c>
      <c r="Q57" s="62" t="s">
        <v>17</v>
      </c>
      <c r="R57" s="9">
        <v>0.59722222222222199</v>
      </c>
      <c r="S57" s="9">
        <v>0.60416666666666696</v>
      </c>
    </row>
    <row r="58" spans="1:19" ht="18.75" customHeight="1">
      <c r="A58" s="81"/>
      <c r="B58" s="81"/>
      <c r="C58" s="81"/>
      <c r="D58" s="81"/>
      <c r="E58" s="81"/>
      <c r="F58" s="74"/>
      <c r="G58" s="62" t="s">
        <v>18</v>
      </c>
      <c r="H58" s="9">
        <v>0.60416666666666696</v>
      </c>
      <c r="I58" s="9">
        <v>0.61111111111111105</v>
      </c>
      <c r="K58" s="81"/>
      <c r="L58" s="81"/>
      <c r="M58" s="81"/>
      <c r="N58" s="81"/>
      <c r="O58" s="81"/>
      <c r="P58" s="74"/>
      <c r="Q58" s="62" t="s">
        <v>18</v>
      </c>
      <c r="R58" s="9">
        <v>0.60416666666666696</v>
      </c>
      <c r="S58" s="9">
        <v>0.61111111111111105</v>
      </c>
    </row>
    <row r="59" spans="1:19" ht="18.75" customHeight="1">
      <c r="A59" s="82"/>
      <c r="B59" s="82"/>
      <c r="C59" s="82"/>
      <c r="D59" s="82"/>
      <c r="E59" s="82"/>
      <c r="F59" s="75"/>
      <c r="G59" s="8">
        <v>5</v>
      </c>
      <c r="H59" s="9">
        <v>0.61111111111111105</v>
      </c>
      <c r="I59" s="9">
        <v>0.61805555555555602</v>
      </c>
      <c r="K59" s="82"/>
      <c r="L59" s="82"/>
      <c r="M59" s="82"/>
      <c r="N59" s="82"/>
      <c r="O59" s="82"/>
      <c r="P59" s="75"/>
      <c r="Q59" s="8">
        <v>5</v>
      </c>
      <c r="R59" s="9">
        <v>0.61111111111111105</v>
      </c>
      <c r="S59" s="9">
        <v>0.61805555555555602</v>
      </c>
    </row>
    <row r="60" spans="1:19" ht="18.75" customHeight="1">
      <c r="A60" s="80">
        <v>18</v>
      </c>
      <c r="B60" s="80" t="s">
        <v>19</v>
      </c>
      <c r="C60" s="80" t="s">
        <v>44</v>
      </c>
      <c r="D60" s="80" t="s">
        <v>15</v>
      </c>
      <c r="E60" s="80" t="s">
        <v>16</v>
      </c>
      <c r="F60" s="73">
        <v>0.63888888888888895</v>
      </c>
      <c r="G60" s="62" t="s">
        <v>17</v>
      </c>
      <c r="H60" s="9">
        <v>0.61805555555555602</v>
      </c>
      <c r="I60" s="9">
        <v>0.625</v>
      </c>
      <c r="K60" s="80">
        <v>17</v>
      </c>
      <c r="L60" s="80" t="s">
        <v>19</v>
      </c>
      <c r="M60" s="80" t="s">
        <v>44</v>
      </c>
      <c r="N60" s="80" t="s">
        <v>15</v>
      </c>
      <c r="O60" s="80" t="s">
        <v>16</v>
      </c>
      <c r="P60" s="73">
        <v>0.63888888888888895</v>
      </c>
      <c r="Q60" s="62" t="s">
        <v>17</v>
      </c>
      <c r="R60" s="9">
        <v>0.61805555555555602</v>
      </c>
      <c r="S60" s="9">
        <v>0.625</v>
      </c>
    </row>
    <row r="61" spans="1:19" ht="18.75" customHeight="1">
      <c r="A61" s="81"/>
      <c r="B61" s="81"/>
      <c r="C61" s="81"/>
      <c r="D61" s="81"/>
      <c r="E61" s="81"/>
      <c r="F61" s="74"/>
      <c r="G61" s="62" t="s">
        <v>18</v>
      </c>
      <c r="H61" s="9">
        <v>0.625</v>
      </c>
      <c r="I61" s="9">
        <v>0.63194444444444398</v>
      </c>
      <c r="K61" s="81"/>
      <c r="L61" s="81"/>
      <c r="M61" s="81"/>
      <c r="N61" s="81"/>
      <c r="O61" s="81"/>
      <c r="P61" s="74"/>
      <c r="Q61" s="62" t="s">
        <v>18</v>
      </c>
      <c r="R61" s="9">
        <v>0.625</v>
      </c>
      <c r="S61" s="9">
        <v>0.63194444444444398</v>
      </c>
    </row>
    <row r="62" spans="1:19" ht="18.75" customHeight="1">
      <c r="A62" s="82"/>
      <c r="B62" s="82"/>
      <c r="C62" s="82"/>
      <c r="D62" s="82"/>
      <c r="E62" s="82"/>
      <c r="F62" s="75"/>
      <c r="G62" s="8">
        <v>5</v>
      </c>
      <c r="H62" s="9">
        <v>0.63194444444444398</v>
      </c>
      <c r="I62" s="9">
        <v>0.63888888888888895</v>
      </c>
      <c r="K62" s="82"/>
      <c r="L62" s="82"/>
      <c r="M62" s="82"/>
      <c r="N62" s="82"/>
      <c r="O62" s="82"/>
      <c r="P62" s="75"/>
      <c r="Q62" s="8">
        <v>5</v>
      </c>
      <c r="R62" s="9">
        <v>0.63194444444444398</v>
      </c>
      <c r="S62" s="9">
        <v>0.63888888888888895</v>
      </c>
    </row>
    <row r="63" spans="1:19" ht="18.75" customHeight="1">
      <c r="A63" s="80">
        <v>19</v>
      </c>
      <c r="B63" s="80" t="s">
        <v>19</v>
      </c>
      <c r="C63" s="80" t="s">
        <v>45</v>
      </c>
      <c r="D63" s="80" t="s">
        <v>38</v>
      </c>
      <c r="E63" s="80" t="s">
        <v>39</v>
      </c>
      <c r="F63" s="73">
        <v>0.66666666666666696</v>
      </c>
      <c r="G63" s="8" t="s">
        <v>17</v>
      </c>
      <c r="H63" s="19" t="s">
        <v>46</v>
      </c>
      <c r="I63" s="9">
        <v>0.65277777777777801</v>
      </c>
      <c r="K63" s="80">
        <v>18</v>
      </c>
      <c r="L63" s="80" t="s">
        <v>19</v>
      </c>
      <c r="M63" s="80" t="s">
        <v>45</v>
      </c>
      <c r="N63" s="80" t="s">
        <v>38</v>
      </c>
      <c r="O63" s="80" t="s">
        <v>39</v>
      </c>
      <c r="P63" s="73">
        <v>0.66666666666666696</v>
      </c>
      <c r="Q63" s="8" t="s">
        <v>17</v>
      </c>
      <c r="R63" s="19" t="s">
        <v>46</v>
      </c>
      <c r="S63" s="9">
        <v>0.65277777777777801</v>
      </c>
    </row>
    <row r="64" spans="1:19" ht="18.75" customHeight="1">
      <c r="A64" s="82"/>
      <c r="B64" s="82"/>
      <c r="C64" s="82"/>
      <c r="D64" s="82"/>
      <c r="E64" s="82"/>
      <c r="F64" s="75"/>
      <c r="G64" s="8">
        <v>3</v>
      </c>
      <c r="H64" s="19" t="s">
        <v>46</v>
      </c>
      <c r="I64" s="9">
        <v>0.65972222222222199</v>
      </c>
      <c r="K64" s="82"/>
      <c r="L64" s="82"/>
      <c r="M64" s="82"/>
      <c r="N64" s="82"/>
      <c r="O64" s="82"/>
      <c r="P64" s="75"/>
      <c r="Q64" s="8">
        <v>3</v>
      </c>
      <c r="R64" s="19" t="s">
        <v>46</v>
      </c>
      <c r="S64" s="9">
        <v>0.65972222222222199</v>
      </c>
    </row>
    <row r="65" spans="1:20" ht="18.75" customHeight="1">
      <c r="A65" s="8">
        <v>20</v>
      </c>
      <c r="B65" s="8" t="s">
        <v>13</v>
      </c>
      <c r="C65" s="8" t="s">
        <v>14</v>
      </c>
      <c r="D65" s="8" t="s">
        <v>24</v>
      </c>
      <c r="E65" s="8"/>
      <c r="F65" s="9">
        <v>0.68055555555555503</v>
      </c>
      <c r="G65" s="8">
        <v>1</v>
      </c>
      <c r="H65" s="9">
        <v>0.65972222222222199</v>
      </c>
      <c r="I65" s="9">
        <v>0.66666666666666696</v>
      </c>
      <c r="K65" s="8">
        <v>19</v>
      </c>
      <c r="L65" s="8" t="s">
        <v>13</v>
      </c>
      <c r="M65" s="8" t="s">
        <v>14</v>
      </c>
      <c r="N65" s="8" t="s">
        <v>24</v>
      </c>
      <c r="O65" s="8"/>
      <c r="P65" s="9">
        <v>0.68055555555555503</v>
      </c>
      <c r="Q65" s="8">
        <v>1</v>
      </c>
      <c r="R65" s="9">
        <v>0.65972222222222199</v>
      </c>
      <c r="S65" s="9">
        <v>0.66666666666666696</v>
      </c>
    </row>
    <row r="66" spans="1:20" ht="18.75" customHeight="1">
      <c r="A66" s="8">
        <v>21</v>
      </c>
      <c r="B66" s="8" t="s">
        <v>19</v>
      </c>
      <c r="C66" s="8" t="s">
        <v>14</v>
      </c>
      <c r="D66" s="8" t="s">
        <v>24</v>
      </c>
      <c r="E66" s="8"/>
      <c r="F66" s="9">
        <v>0.6875</v>
      </c>
      <c r="G66" s="8">
        <v>1</v>
      </c>
      <c r="H66" s="9">
        <v>0.66666666666666696</v>
      </c>
      <c r="I66" s="9">
        <v>0.67361111111111105</v>
      </c>
      <c r="K66" s="8">
        <v>20</v>
      </c>
      <c r="L66" s="8" t="s">
        <v>19</v>
      </c>
      <c r="M66" s="8" t="s">
        <v>14</v>
      </c>
      <c r="N66" s="8" t="s">
        <v>24</v>
      </c>
      <c r="O66" s="8"/>
      <c r="P66" s="9">
        <v>0.6875</v>
      </c>
      <c r="Q66" s="8">
        <v>1</v>
      </c>
      <c r="R66" s="9">
        <v>0.66666666666666696</v>
      </c>
      <c r="S66" s="9">
        <v>0.67361111111111105</v>
      </c>
    </row>
    <row r="67" spans="1:20" ht="18.75" customHeight="1">
      <c r="A67" s="10"/>
      <c r="B67" s="10"/>
      <c r="C67" s="10"/>
      <c r="D67" s="10"/>
      <c r="E67" s="10"/>
      <c r="F67" s="11"/>
      <c r="G67" s="10"/>
      <c r="H67" s="11"/>
      <c r="I67" s="11"/>
      <c r="K67" s="17">
        <v>21</v>
      </c>
      <c r="L67" s="17" t="s">
        <v>13</v>
      </c>
      <c r="M67" s="17" t="s">
        <v>23</v>
      </c>
      <c r="N67" s="17" t="s">
        <v>24</v>
      </c>
      <c r="O67" s="17"/>
      <c r="P67" s="48">
        <v>0.69791666666666696</v>
      </c>
      <c r="Q67" s="17">
        <v>1</v>
      </c>
      <c r="R67" s="48">
        <v>0.67708333333333304</v>
      </c>
      <c r="S67" s="48">
        <v>0.68402777777777801</v>
      </c>
      <c r="T67" s="1" t="s">
        <v>83</v>
      </c>
    </row>
    <row r="68" spans="1:20" ht="18.75" customHeight="1">
      <c r="A68" s="10"/>
      <c r="B68" s="10"/>
      <c r="C68" s="10"/>
      <c r="D68" s="10"/>
      <c r="E68" s="10"/>
      <c r="F68" s="11"/>
      <c r="G68" s="10"/>
      <c r="H68" s="11"/>
      <c r="I68" s="11"/>
      <c r="Q68" s="11"/>
      <c r="R68" s="2" t="s">
        <v>94</v>
      </c>
      <c r="T68" s="1" t="s">
        <v>95</v>
      </c>
    </row>
    <row r="69" spans="1:20" ht="18.75" customHeight="1">
      <c r="A69" s="1" t="s">
        <v>25</v>
      </c>
      <c r="D69" s="10"/>
      <c r="K69" s="1" t="s">
        <v>25</v>
      </c>
      <c r="N69" s="10"/>
    </row>
    <row r="70" spans="1:20" ht="18.75" customHeight="1">
      <c r="A70" s="4" t="s">
        <v>4</v>
      </c>
      <c r="B70" s="4" t="s">
        <v>5</v>
      </c>
      <c r="C70" s="4" t="s">
        <v>6</v>
      </c>
      <c r="D70" s="4" t="s">
        <v>7</v>
      </c>
      <c r="E70" s="4" t="s">
        <v>26</v>
      </c>
      <c r="F70" s="5" t="s">
        <v>9</v>
      </c>
      <c r="G70" s="4" t="s">
        <v>10</v>
      </c>
      <c r="H70" s="5" t="s">
        <v>11</v>
      </c>
      <c r="I70" s="5" t="s">
        <v>12</v>
      </c>
      <c r="K70" s="4" t="s">
        <v>4</v>
      </c>
      <c r="L70" s="4" t="s">
        <v>5</v>
      </c>
      <c r="M70" s="4" t="s">
        <v>6</v>
      </c>
      <c r="N70" s="4" t="s">
        <v>7</v>
      </c>
      <c r="O70" s="4" t="s">
        <v>26</v>
      </c>
      <c r="P70" s="5" t="s">
        <v>9</v>
      </c>
      <c r="Q70" s="4" t="s">
        <v>10</v>
      </c>
      <c r="R70" s="5" t="s">
        <v>11</v>
      </c>
      <c r="S70" s="5" t="s">
        <v>12</v>
      </c>
    </row>
    <row r="71" spans="1:20" ht="18.75" customHeight="1">
      <c r="A71" s="8">
        <v>1</v>
      </c>
      <c r="B71" s="8" t="s">
        <v>13</v>
      </c>
      <c r="C71" s="8" t="s">
        <v>47</v>
      </c>
      <c r="D71" s="8" t="s">
        <v>24</v>
      </c>
      <c r="E71" s="4" t="s">
        <v>35</v>
      </c>
      <c r="F71" s="9">
        <v>0.39236111111111099</v>
      </c>
      <c r="G71" s="8">
        <v>1</v>
      </c>
      <c r="H71" s="9">
        <v>0.35763888888888901</v>
      </c>
      <c r="I71" s="9">
        <v>0.36458333333333298</v>
      </c>
      <c r="K71" s="8">
        <v>1</v>
      </c>
      <c r="L71" s="8" t="s">
        <v>13</v>
      </c>
      <c r="M71" s="8" t="s">
        <v>47</v>
      </c>
      <c r="N71" s="8" t="s">
        <v>24</v>
      </c>
      <c r="O71" s="4" t="s">
        <v>35</v>
      </c>
      <c r="P71" s="9">
        <v>0.39236111111111099</v>
      </c>
      <c r="Q71" s="8">
        <v>1</v>
      </c>
      <c r="R71" s="9">
        <v>0.35763888888888901</v>
      </c>
      <c r="S71" s="9">
        <v>0.36458333333333298</v>
      </c>
    </row>
    <row r="72" spans="1:20" ht="18.75" customHeight="1">
      <c r="A72" s="8">
        <v>2</v>
      </c>
      <c r="B72" s="8" t="s">
        <v>19</v>
      </c>
      <c r="C72" s="8" t="s">
        <v>48</v>
      </c>
      <c r="D72" s="8" t="s">
        <v>38</v>
      </c>
      <c r="E72" s="4" t="s">
        <v>49</v>
      </c>
      <c r="F72" s="9">
        <v>0.46527777777777801</v>
      </c>
      <c r="G72" s="8">
        <v>1</v>
      </c>
      <c r="H72" s="19" t="s">
        <v>46</v>
      </c>
      <c r="I72" s="9">
        <v>0.4375</v>
      </c>
      <c r="K72" s="8">
        <v>2</v>
      </c>
      <c r="L72" s="8" t="s">
        <v>19</v>
      </c>
      <c r="M72" s="8" t="s">
        <v>48</v>
      </c>
      <c r="N72" s="8" t="s">
        <v>38</v>
      </c>
      <c r="O72" s="4" t="s">
        <v>49</v>
      </c>
      <c r="P72" s="9">
        <v>0.46527777777777801</v>
      </c>
      <c r="Q72" s="8">
        <v>1</v>
      </c>
      <c r="R72" s="19" t="s">
        <v>46</v>
      </c>
      <c r="S72" s="9">
        <v>0.4375</v>
      </c>
    </row>
    <row r="73" spans="1:20" ht="18.75" customHeight="1">
      <c r="A73" s="8">
        <v>3</v>
      </c>
      <c r="B73" s="8" t="s">
        <v>19</v>
      </c>
      <c r="C73" s="8" t="s">
        <v>47</v>
      </c>
      <c r="D73" s="8" t="s">
        <v>24</v>
      </c>
      <c r="E73" s="4" t="s">
        <v>35</v>
      </c>
      <c r="F73" s="9">
        <v>0.55555555555555602</v>
      </c>
      <c r="G73" s="8">
        <v>1</v>
      </c>
      <c r="H73" s="9">
        <v>0.52083333333333304</v>
      </c>
      <c r="I73" s="9">
        <v>0.52777777777777801</v>
      </c>
      <c r="K73" s="8">
        <v>3</v>
      </c>
      <c r="L73" s="8" t="s">
        <v>19</v>
      </c>
      <c r="M73" s="8" t="s">
        <v>47</v>
      </c>
      <c r="N73" s="8" t="s">
        <v>24</v>
      </c>
      <c r="O73" s="4" t="s">
        <v>35</v>
      </c>
      <c r="P73" s="9">
        <v>0.55555555555555602</v>
      </c>
      <c r="Q73" s="8">
        <v>1</v>
      </c>
      <c r="R73" s="9">
        <v>0.52083333333333304</v>
      </c>
      <c r="S73" s="9">
        <v>0.52777777777777801</v>
      </c>
    </row>
    <row r="74" spans="1:20" ht="18.75" customHeight="1">
      <c r="A74" s="8">
        <v>4</v>
      </c>
      <c r="B74" s="8" t="s">
        <v>13</v>
      </c>
      <c r="C74" s="8" t="s">
        <v>29</v>
      </c>
      <c r="D74" s="8" t="s">
        <v>24</v>
      </c>
      <c r="E74" s="4" t="s">
        <v>49</v>
      </c>
      <c r="F74" s="9">
        <v>0.5625</v>
      </c>
      <c r="G74" s="8">
        <v>1</v>
      </c>
      <c r="H74" s="9">
        <v>0.52777777777777801</v>
      </c>
      <c r="I74" s="9">
        <v>0.53472222222222199</v>
      </c>
      <c r="K74" s="8">
        <v>4</v>
      </c>
      <c r="L74" s="8" t="s">
        <v>13</v>
      </c>
      <c r="M74" s="8" t="s">
        <v>29</v>
      </c>
      <c r="N74" s="8" t="s">
        <v>24</v>
      </c>
      <c r="O74" s="4" t="s">
        <v>49</v>
      </c>
      <c r="P74" s="9">
        <v>0.5625</v>
      </c>
      <c r="Q74" s="8">
        <v>1</v>
      </c>
      <c r="R74" s="9">
        <v>0.52777777777777801</v>
      </c>
      <c r="S74" s="9">
        <v>0.53472222222222199</v>
      </c>
    </row>
    <row r="75" spans="1:20" ht="18.75" customHeight="1">
      <c r="A75" s="20"/>
      <c r="B75" s="20"/>
      <c r="C75" s="20"/>
      <c r="D75" s="20"/>
      <c r="E75" s="21"/>
      <c r="F75" s="22"/>
      <c r="G75" s="20"/>
      <c r="H75" s="22"/>
      <c r="I75" s="22"/>
      <c r="K75" s="20"/>
      <c r="L75" s="20"/>
      <c r="M75" s="20"/>
      <c r="N75" s="20"/>
      <c r="O75" s="21"/>
      <c r="P75" s="22"/>
      <c r="Q75" s="20"/>
      <c r="R75" s="22"/>
      <c r="S75" s="22"/>
    </row>
    <row r="76" spans="1:20" ht="18.75" customHeight="1">
      <c r="A76" s="1" t="s">
        <v>31</v>
      </c>
      <c r="B76" s="13"/>
      <c r="C76" s="13"/>
      <c r="D76" s="13"/>
      <c r="E76" s="14"/>
      <c r="F76" s="15"/>
      <c r="G76" s="13"/>
      <c r="H76" s="15"/>
      <c r="I76" s="15"/>
      <c r="K76" s="1" t="s">
        <v>31</v>
      </c>
      <c r="L76" s="13"/>
      <c r="M76" s="13"/>
      <c r="N76" s="13"/>
      <c r="O76" s="14"/>
      <c r="P76" s="15"/>
      <c r="Q76" s="13"/>
      <c r="R76" s="15"/>
      <c r="S76" s="15"/>
    </row>
    <row r="77" spans="1:20" ht="18.75" customHeight="1">
      <c r="A77" s="8">
        <v>1</v>
      </c>
      <c r="B77" s="8" t="s">
        <v>13</v>
      </c>
      <c r="C77" s="8" t="s">
        <v>32</v>
      </c>
      <c r="D77" s="8" t="s">
        <v>24</v>
      </c>
      <c r="E77" s="4" t="s">
        <v>33</v>
      </c>
      <c r="F77" s="9">
        <v>0.39583333333333298</v>
      </c>
      <c r="G77" s="8">
        <v>1</v>
      </c>
      <c r="H77" s="9">
        <v>0.36111111111111099</v>
      </c>
      <c r="I77" s="9">
        <v>0.36805555555555602</v>
      </c>
      <c r="K77" s="8">
        <v>1</v>
      </c>
      <c r="L77" s="8" t="s">
        <v>13</v>
      </c>
      <c r="M77" s="8" t="s">
        <v>32</v>
      </c>
      <c r="N77" s="8" t="s">
        <v>24</v>
      </c>
      <c r="O77" s="4" t="s">
        <v>33</v>
      </c>
      <c r="P77" s="9">
        <v>0.39583333333333298</v>
      </c>
      <c r="Q77" s="8">
        <v>1</v>
      </c>
      <c r="R77" s="9">
        <v>0.36111111111111099</v>
      </c>
      <c r="S77" s="9">
        <v>0.36805555555555602</v>
      </c>
    </row>
    <row r="78" spans="1:20" ht="18.75" customHeight="1">
      <c r="A78" s="8">
        <v>2</v>
      </c>
      <c r="B78" s="8" t="s">
        <v>19</v>
      </c>
      <c r="C78" s="8" t="s">
        <v>50</v>
      </c>
      <c r="D78" s="8" t="s">
        <v>24</v>
      </c>
      <c r="E78" s="4" t="s">
        <v>33</v>
      </c>
      <c r="F78" s="9">
        <v>0.50694444444444398</v>
      </c>
      <c r="G78" s="8">
        <v>1</v>
      </c>
      <c r="H78" s="9">
        <v>0.47222222222222199</v>
      </c>
      <c r="I78" s="9">
        <v>0.47916666666666702</v>
      </c>
      <c r="K78" s="8">
        <v>2</v>
      </c>
      <c r="L78" s="8" t="s">
        <v>19</v>
      </c>
      <c r="M78" s="8" t="s">
        <v>50</v>
      </c>
      <c r="N78" s="8" t="s">
        <v>24</v>
      </c>
      <c r="O78" s="4" t="s">
        <v>33</v>
      </c>
      <c r="P78" s="9">
        <v>0.50694444444444398</v>
      </c>
      <c r="Q78" s="8">
        <v>1</v>
      </c>
      <c r="R78" s="9">
        <v>0.47222222222222199</v>
      </c>
      <c r="S78" s="9">
        <v>0.47916666666666702</v>
      </c>
    </row>
    <row r="79" spans="1:20" ht="18.75" customHeight="1">
      <c r="A79" s="8">
        <v>3</v>
      </c>
      <c r="B79" s="8" t="s">
        <v>19</v>
      </c>
      <c r="C79" s="8" t="s">
        <v>51</v>
      </c>
      <c r="D79" s="8" t="s">
        <v>38</v>
      </c>
      <c r="E79" s="4" t="s">
        <v>33</v>
      </c>
      <c r="F79" s="9">
        <v>0.58333333333333304</v>
      </c>
      <c r="G79" s="8">
        <v>1</v>
      </c>
      <c r="H79" s="19" t="s">
        <v>46</v>
      </c>
      <c r="I79" s="9">
        <v>0.55555555555555602</v>
      </c>
      <c r="K79" s="8">
        <v>3</v>
      </c>
      <c r="L79" s="8" t="s">
        <v>19</v>
      </c>
      <c r="M79" s="8" t="s">
        <v>51</v>
      </c>
      <c r="N79" s="8" t="s">
        <v>38</v>
      </c>
      <c r="O79" s="4" t="s">
        <v>33</v>
      </c>
      <c r="P79" s="9">
        <v>0.58333333333333304</v>
      </c>
      <c r="Q79" s="8">
        <v>1</v>
      </c>
      <c r="R79" s="19" t="s">
        <v>46</v>
      </c>
      <c r="S79" s="9">
        <v>0.55555555555555602</v>
      </c>
    </row>
    <row r="81" spans="1:19" ht="27" customHeight="1">
      <c r="A81" s="92" t="s">
        <v>52</v>
      </c>
      <c r="B81" s="92"/>
      <c r="C81" s="92"/>
      <c r="D81" s="92"/>
      <c r="E81" s="92"/>
      <c r="F81" s="92"/>
      <c r="G81" s="92"/>
      <c r="H81" s="92"/>
      <c r="I81" s="92"/>
      <c r="K81" s="92" t="s">
        <v>52</v>
      </c>
      <c r="L81" s="92"/>
      <c r="M81" s="92"/>
      <c r="N81" s="92"/>
      <c r="O81" s="92"/>
      <c r="P81" s="92"/>
      <c r="Q81" s="92"/>
      <c r="R81" s="92"/>
      <c r="S81" s="92"/>
    </row>
    <row r="82" spans="1:19" ht="16.5" customHeight="1">
      <c r="A82" s="1" t="s">
        <v>3</v>
      </c>
      <c r="C82" s="3"/>
      <c r="D82" s="3"/>
      <c r="E82" s="3"/>
      <c r="F82" s="3"/>
      <c r="G82" s="3"/>
      <c r="H82" s="3"/>
      <c r="I82" s="3"/>
      <c r="K82" s="1" t="s">
        <v>3</v>
      </c>
      <c r="M82" s="3"/>
      <c r="N82" s="3"/>
      <c r="O82" s="3"/>
      <c r="P82" s="3"/>
      <c r="Q82" s="3"/>
      <c r="R82" s="3"/>
      <c r="S82" s="3"/>
    </row>
    <row r="83" spans="1:19" ht="16.5" customHeight="1">
      <c r="A83" s="4" t="s">
        <v>4</v>
      </c>
      <c r="B83" s="4" t="s">
        <v>5</v>
      </c>
      <c r="C83" s="4" t="s">
        <v>6</v>
      </c>
      <c r="D83" s="4" t="s">
        <v>7</v>
      </c>
      <c r="E83" s="4" t="s">
        <v>8</v>
      </c>
      <c r="F83" s="5" t="s">
        <v>9</v>
      </c>
      <c r="G83" s="4" t="s">
        <v>10</v>
      </c>
      <c r="H83" s="5" t="s">
        <v>11</v>
      </c>
      <c r="I83" s="5" t="s">
        <v>12</v>
      </c>
      <c r="K83" s="4" t="s">
        <v>4</v>
      </c>
      <c r="L83" s="4" t="s">
        <v>5</v>
      </c>
      <c r="M83" s="4" t="s">
        <v>6</v>
      </c>
      <c r="N83" s="4" t="s">
        <v>7</v>
      </c>
      <c r="O83" s="4" t="s">
        <v>8</v>
      </c>
      <c r="P83" s="5" t="s">
        <v>9</v>
      </c>
      <c r="Q83" s="4" t="s">
        <v>10</v>
      </c>
      <c r="R83" s="5" t="s">
        <v>11</v>
      </c>
      <c r="S83" s="5" t="s">
        <v>12</v>
      </c>
    </row>
    <row r="84" spans="1:19" ht="16.5" customHeight="1">
      <c r="A84" s="80">
        <v>1</v>
      </c>
      <c r="B84" s="80" t="s">
        <v>13</v>
      </c>
      <c r="C84" s="80" t="s">
        <v>53</v>
      </c>
      <c r="D84" s="80" t="s">
        <v>54</v>
      </c>
      <c r="E84" s="80" t="s">
        <v>39</v>
      </c>
      <c r="F84" s="73">
        <v>0.38888888888888901</v>
      </c>
      <c r="G84" s="8" t="s">
        <v>17</v>
      </c>
      <c r="H84" s="9">
        <v>0.36805555555555602</v>
      </c>
      <c r="I84" s="9">
        <v>0.375</v>
      </c>
      <c r="K84" s="80">
        <v>1</v>
      </c>
      <c r="L84" s="80" t="s">
        <v>13</v>
      </c>
      <c r="M84" s="80" t="s">
        <v>53</v>
      </c>
      <c r="N84" s="80" t="s">
        <v>54</v>
      </c>
      <c r="O84" s="80" t="s">
        <v>39</v>
      </c>
      <c r="P84" s="73">
        <v>0.38888888888888901</v>
      </c>
      <c r="Q84" s="8" t="s">
        <v>17</v>
      </c>
      <c r="R84" s="9">
        <v>0.36805555555555602</v>
      </c>
      <c r="S84" s="9">
        <v>0.375</v>
      </c>
    </row>
    <row r="85" spans="1:19" ht="16.5" customHeight="1">
      <c r="A85" s="82"/>
      <c r="B85" s="82"/>
      <c r="C85" s="82"/>
      <c r="D85" s="82"/>
      <c r="E85" s="82"/>
      <c r="F85" s="75"/>
      <c r="G85" s="8">
        <v>3</v>
      </c>
      <c r="H85" s="9">
        <v>0.375</v>
      </c>
      <c r="I85" s="9">
        <v>0.38194444444444398</v>
      </c>
      <c r="K85" s="82"/>
      <c r="L85" s="82"/>
      <c r="M85" s="82"/>
      <c r="N85" s="82"/>
      <c r="O85" s="82"/>
      <c r="P85" s="75"/>
      <c r="Q85" s="8">
        <v>3</v>
      </c>
      <c r="R85" s="9">
        <v>0.375</v>
      </c>
      <c r="S85" s="9">
        <v>0.38194444444444398</v>
      </c>
    </row>
    <row r="86" spans="1:19" ht="16.5" customHeight="1">
      <c r="A86" s="80">
        <v>2</v>
      </c>
      <c r="B86" s="80" t="s">
        <v>19</v>
      </c>
      <c r="C86" s="80" t="s">
        <v>55</v>
      </c>
      <c r="D86" s="80" t="s">
        <v>38</v>
      </c>
      <c r="E86" s="80" t="s">
        <v>39</v>
      </c>
      <c r="F86" s="73">
        <v>0.40277777777777801</v>
      </c>
      <c r="G86" s="8" t="s">
        <v>17</v>
      </c>
      <c r="H86" s="9">
        <v>0.38194444444444398</v>
      </c>
      <c r="I86" s="9">
        <v>0.38888888888888901</v>
      </c>
      <c r="K86" s="80">
        <v>2</v>
      </c>
      <c r="L86" s="80" t="s">
        <v>19</v>
      </c>
      <c r="M86" s="80" t="s">
        <v>55</v>
      </c>
      <c r="N86" s="80" t="s">
        <v>38</v>
      </c>
      <c r="O86" s="80" t="s">
        <v>39</v>
      </c>
      <c r="P86" s="73">
        <v>0.40277777777777801</v>
      </c>
      <c r="Q86" s="8" t="s">
        <v>17</v>
      </c>
      <c r="R86" s="9">
        <v>0.38194444444444398</v>
      </c>
      <c r="S86" s="9">
        <v>0.38888888888888901</v>
      </c>
    </row>
    <row r="87" spans="1:19" ht="16.5" customHeight="1">
      <c r="A87" s="82"/>
      <c r="B87" s="82"/>
      <c r="C87" s="82"/>
      <c r="D87" s="82"/>
      <c r="E87" s="82"/>
      <c r="F87" s="75"/>
      <c r="G87" s="8">
        <v>3</v>
      </c>
      <c r="H87" s="9">
        <v>0.38888888888888901</v>
      </c>
      <c r="I87" s="9">
        <v>0.39583333333333298</v>
      </c>
      <c r="K87" s="82"/>
      <c r="L87" s="82"/>
      <c r="M87" s="82"/>
      <c r="N87" s="82"/>
      <c r="O87" s="82"/>
      <c r="P87" s="75"/>
      <c r="Q87" s="8">
        <v>3</v>
      </c>
      <c r="R87" s="9">
        <v>0.38888888888888901</v>
      </c>
      <c r="S87" s="9">
        <v>0.39583333333333298</v>
      </c>
    </row>
    <row r="88" spans="1:19" ht="16.5" customHeight="1">
      <c r="A88" s="80">
        <v>3</v>
      </c>
      <c r="B88" s="80" t="s">
        <v>13</v>
      </c>
      <c r="C88" s="80" t="s">
        <v>56</v>
      </c>
      <c r="D88" s="80" t="s">
        <v>15</v>
      </c>
      <c r="E88" s="80" t="s">
        <v>16</v>
      </c>
      <c r="F88" s="73">
        <v>0.42013888888888901</v>
      </c>
      <c r="G88" s="62" t="s">
        <v>17</v>
      </c>
      <c r="H88" s="9">
        <v>0.39930555555555602</v>
      </c>
      <c r="I88" s="9">
        <v>0.40625</v>
      </c>
      <c r="K88" s="80">
        <v>3</v>
      </c>
      <c r="L88" s="80" t="s">
        <v>13</v>
      </c>
      <c r="M88" s="80" t="s">
        <v>56</v>
      </c>
      <c r="N88" s="80" t="s">
        <v>15</v>
      </c>
      <c r="O88" s="80" t="s">
        <v>16</v>
      </c>
      <c r="P88" s="73">
        <v>0.42013888888888901</v>
      </c>
      <c r="Q88" s="62" t="s">
        <v>17</v>
      </c>
      <c r="R88" s="9">
        <v>0.39930555555555602</v>
      </c>
      <c r="S88" s="9">
        <v>0.40625</v>
      </c>
    </row>
    <row r="89" spans="1:19" ht="16.5" customHeight="1">
      <c r="A89" s="81"/>
      <c r="B89" s="81"/>
      <c r="C89" s="81"/>
      <c r="D89" s="81"/>
      <c r="E89" s="81"/>
      <c r="F89" s="74"/>
      <c r="G89" s="62" t="s">
        <v>18</v>
      </c>
      <c r="H89" s="9">
        <v>0.40625</v>
      </c>
      <c r="I89" s="9">
        <v>0.41319444444444398</v>
      </c>
      <c r="K89" s="81"/>
      <c r="L89" s="81"/>
      <c r="M89" s="81"/>
      <c r="N89" s="81"/>
      <c r="O89" s="81"/>
      <c r="P89" s="74"/>
      <c r="Q89" s="62" t="s">
        <v>18</v>
      </c>
      <c r="R89" s="9">
        <v>0.40625</v>
      </c>
      <c r="S89" s="9">
        <v>0.41319444444444398</v>
      </c>
    </row>
    <row r="90" spans="1:19" ht="16.5" customHeight="1">
      <c r="A90" s="82"/>
      <c r="B90" s="82"/>
      <c r="C90" s="82"/>
      <c r="D90" s="82"/>
      <c r="E90" s="82"/>
      <c r="F90" s="75"/>
      <c r="G90" s="8">
        <v>5</v>
      </c>
      <c r="H90" s="9">
        <v>0.41319444444444398</v>
      </c>
      <c r="I90" s="9">
        <v>0.42013888888888901</v>
      </c>
      <c r="K90" s="82"/>
      <c r="L90" s="82"/>
      <c r="M90" s="82"/>
      <c r="N90" s="82"/>
      <c r="O90" s="82"/>
      <c r="P90" s="75"/>
      <c r="Q90" s="8">
        <v>5</v>
      </c>
      <c r="R90" s="9">
        <v>0.41319444444444398</v>
      </c>
      <c r="S90" s="9">
        <v>0.42013888888888901</v>
      </c>
    </row>
    <row r="91" spans="1:19" ht="16.5" customHeight="1">
      <c r="A91" s="80">
        <v>4</v>
      </c>
      <c r="B91" s="80" t="s">
        <v>19</v>
      </c>
      <c r="C91" s="80" t="s">
        <v>56</v>
      </c>
      <c r="D91" s="80" t="s">
        <v>15</v>
      </c>
      <c r="E91" s="80" t="s">
        <v>16</v>
      </c>
      <c r="F91" s="73">
        <v>0.4375</v>
      </c>
      <c r="G91" s="62" t="s">
        <v>17</v>
      </c>
      <c r="H91" s="9">
        <v>0.41666666666666702</v>
      </c>
      <c r="I91" s="9">
        <v>0.42361111111111099</v>
      </c>
      <c r="K91" s="80">
        <v>4</v>
      </c>
      <c r="L91" s="80" t="s">
        <v>19</v>
      </c>
      <c r="M91" s="80" t="s">
        <v>56</v>
      </c>
      <c r="N91" s="80" t="s">
        <v>15</v>
      </c>
      <c r="O91" s="80" t="s">
        <v>16</v>
      </c>
      <c r="P91" s="73">
        <v>0.4375</v>
      </c>
      <c r="Q91" s="62" t="s">
        <v>17</v>
      </c>
      <c r="R91" s="9">
        <v>0.41666666666666702</v>
      </c>
      <c r="S91" s="9">
        <v>0.42361111111111099</v>
      </c>
    </row>
    <row r="92" spans="1:19" ht="16.5" customHeight="1">
      <c r="A92" s="81"/>
      <c r="B92" s="81"/>
      <c r="C92" s="81"/>
      <c r="D92" s="81"/>
      <c r="E92" s="81"/>
      <c r="F92" s="74"/>
      <c r="G92" s="62" t="s">
        <v>18</v>
      </c>
      <c r="H92" s="9">
        <v>0.42361111111111099</v>
      </c>
      <c r="I92" s="9">
        <v>0.43055555555555602</v>
      </c>
      <c r="K92" s="81"/>
      <c r="L92" s="81"/>
      <c r="M92" s="81"/>
      <c r="N92" s="81"/>
      <c r="O92" s="81"/>
      <c r="P92" s="74"/>
      <c r="Q92" s="62" t="s">
        <v>18</v>
      </c>
      <c r="R92" s="9">
        <v>0.42361111111111099</v>
      </c>
      <c r="S92" s="9">
        <v>0.43055555555555602</v>
      </c>
    </row>
    <row r="93" spans="1:19" ht="16.5" customHeight="1">
      <c r="A93" s="82"/>
      <c r="B93" s="82"/>
      <c r="C93" s="82"/>
      <c r="D93" s="82"/>
      <c r="E93" s="82"/>
      <c r="F93" s="75"/>
      <c r="G93" s="8">
        <v>5</v>
      </c>
      <c r="H93" s="9">
        <v>0.43055555555555602</v>
      </c>
      <c r="I93" s="9">
        <v>0.4375</v>
      </c>
      <c r="K93" s="82"/>
      <c r="L93" s="82"/>
      <c r="M93" s="82"/>
      <c r="N93" s="82"/>
      <c r="O93" s="82"/>
      <c r="P93" s="75"/>
      <c r="Q93" s="8">
        <v>5</v>
      </c>
      <c r="R93" s="9">
        <v>0.43055555555555602</v>
      </c>
      <c r="S93" s="9">
        <v>0.4375</v>
      </c>
    </row>
    <row r="94" spans="1:19" ht="16.5" customHeight="1">
      <c r="A94" s="80">
        <v>5</v>
      </c>
      <c r="B94" s="80" t="s">
        <v>13</v>
      </c>
      <c r="C94" s="80" t="s">
        <v>57</v>
      </c>
      <c r="D94" s="80" t="s">
        <v>15</v>
      </c>
      <c r="E94" s="80" t="s">
        <v>16</v>
      </c>
      <c r="F94" s="73">
        <v>0.45833333333333298</v>
      </c>
      <c r="G94" s="62" t="s">
        <v>17</v>
      </c>
      <c r="H94" s="9">
        <v>0.4375</v>
      </c>
      <c r="I94" s="9">
        <v>0.44444444444444398</v>
      </c>
      <c r="J94" s="24"/>
      <c r="K94" s="80">
        <v>5</v>
      </c>
      <c r="L94" s="80" t="s">
        <v>13</v>
      </c>
      <c r="M94" s="80" t="s">
        <v>57</v>
      </c>
      <c r="N94" s="80" t="s">
        <v>15</v>
      </c>
      <c r="O94" s="80" t="s">
        <v>16</v>
      </c>
      <c r="P94" s="73">
        <v>0.45833333333333298</v>
      </c>
      <c r="Q94" s="62" t="s">
        <v>17</v>
      </c>
      <c r="R94" s="9">
        <v>0.4375</v>
      </c>
      <c r="S94" s="9">
        <v>0.44444444444444398</v>
      </c>
    </row>
    <row r="95" spans="1:19" ht="16.5" customHeight="1">
      <c r="A95" s="81"/>
      <c r="B95" s="81"/>
      <c r="C95" s="81"/>
      <c r="D95" s="81"/>
      <c r="E95" s="81"/>
      <c r="F95" s="74"/>
      <c r="G95" s="62" t="s">
        <v>18</v>
      </c>
      <c r="H95" s="9">
        <v>0.44444444444444398</v>
      </c>
      <c r="I95" s="9">
        <v>0.45138888888888901</v>
      </c>
      <c r="J95" s="24"/>
      <c r="K95" s="81"/>
      <c r="L95" s="81"/>
      <c r="M95" s="81"/>
      <c r="N95" s="81"/>
      <c r="O95" s="81"/>
      <c r="P95" s="74"/>
      <c r="Q95" s="62" t="s">
        <v>18</v>
      </c>
      <c r="R95" s="9">
        <v>0.44444444444444398</v>
      </c>
      <c r="S95" s="9">
        <v>0.45138888888888901</v>
      </c>
    </row>
    <row r="96" spans="1:19" ht="16.5" customHeight="1">
      <c r="A96" s="82"/>
      <c r="B96" s="82"/>
      <c r="C96" s="82"/>
      <c r="D96" s="82"/>
      <c r="E96" s="82"/>
      <c r="F96" s="75"/>
      <c r="G96" s="8">
        <v>5</v>
      </c>
      <c r="H96" s="9">
        <v>0.45138888888888901</v>
      </c>
      <c r="I96" s="9">
        <v>0.45833333333333298</v>
      </c>
      <c r="J96" s="24"/>
      <c r="K96" s="82"/>
      <c r="L96" s="82"/>
      <c r="M96" s="82"/>
      <c r="N96" s="82"/>
      <c r="O96" s="82"/>
      <c r="P96" s="75"/>
      <c r="Q96" s="8">
        <v>5</v>
      </c>
      <c r="R96" s="9">
        <v>0.45138888888888901</v>
      </c>
      <c r="S96" s="9">
        <v>0.45833333333333298</v>
      </c>
    </row>
    <row r="97" spans="1:19" ht="16.5" customHeight="1">
      <c r="A97" s="80">
        <v>6</v>
      </c>
      <c r="B97" s="80" t="s">
        <v>19</v>
      </c>
      <c r="C97" s="80" t="s">
        <v>57</v>
      </c>
      <c r="D97" s="80" t="s">
        <v>15</v>
      </c>
      <c r="E97" s="80" t="s">
        <v>16</v>
      </c>
      <c r="F97" s="73">
        <v>0.48263888888888901</v>
      </c>
      <c r="G97" s="62" t="s">
        <v>17</v>
      </c>
      <c r="H97" s="9">
        <v>0.46180555555555602</v>
      </c>
      <c r="I97" s="9">
        <v>0.46875</v>
      </c>
      <c r="J97" s="24"/>
      <c r="K97" s="80">
        <v>6</v>
      </c>
      <c r="L97" s="80" t="s">
        <v>19</v>
      </c>
      <c r="M97" s="80" t="s">
        <v>57</v>
      </c>
      <c r="N97" s="80" t="s">
        <v>15</v>
      </c>
      <c r="O97" s="80" t="s">
        <v>16</v>
      </c>
      <c r="P97" s="73">
        <v>0.48263888888888901</v>
      </c>
      <c r="Q97" s="62" t="s">
        <v>17</v>
      </c>
      <c r="R97" s="9">
        <v>0.46180555555555602</v>
      </c>
      <c r="S97" s="9">
        <v>0.46875</v>
      </c>
    </row>
    <row r="98" spans="1:19" ht="16.5" customHeight="1">
      <c r="A98" s="81"/>
      <c r="B98" s="81"/>
      <c r="C98" s="81"/>
      <c r="D98" s="81"/>
      <c r="E98" s="81"/>
      <c r="F98" s="74"/>
      <c r="G98" s="62" t="s">
        <v>18</v>
      </c>
      <c r="H98" s="9">
        <v>0.46875</v>
      </c>
      <c r="I98" s="9">
        <v>0.47569444444444398</v>
      </c>
      <c r="J98" s="24"/>
      <c r="K98" s="81"/>
      <c r="L98" s="81"/>
      <c r="M98" s="81"/>
      <c r="N98" s="81"/>
      <c r="O98" s="81"/>
      <c r="P98" s="74"/>
      <c r="Q98" s="62" t="s">
        <v>18</v>
      </c>
      <c r="R98" s="9">
        <v>0.46875</v>
      </c>
      <c r="S98" s="9">
        <v>0.47569444444444398</v>
      </c>
    </row>
    <row r="99" spans="1:19" ht="16.5" customHeight="1">
      <c r="A99" s="82"/>
      <c r="B99" s="82"/>
      <c r="C99" s="82"/>
      <c r="D99" s="82"/>
      <c r="E99" s="82"/>
      <c r="F99" s="75"/>
      <c r="G99" s="8">
        <v>5</v>
      </c>
      <c r="H99" s="9">
        <v>0.47569444444444398</v>
      </c>
      <c r="I99" s="9">
        <v>0.48263888888888901</v>
      </c>
      <c r="J99" s="24"/>
      <c r="K99" s="82"/>
      <c r="L99" s="82"/>
      <c r="M99" s="82"/>
      <c r="N99" s="82"/>
      <c r="O99" s="82"/>
      <c r="P99" s="75"/>
      <c r="Q99" s="8">
        <v>5</v>
      </c>
      <c r="R99" s="9">
        <v>0.47569444444444398</v>
      </c>
      <c r="S99" s="9">
        <v>0.48263888888888901</v>
      </c>
    </row>
    <row r="100" spans="1:19" ht="16.5" customHeight="1">
      <c r="A100" s="6">
        <v>7</v>
      </c>
      <c r="B100" s="6" t="s">
        <v>13</v>
      </c>
      <c r="C100" s="6" t="s">
        <v>44</v>
      </c>
      <c r="D100" s="6" t="s">
        <v>40</v>
      </c>
      <c r="E100" s="6" t="s">
        <v>41</v>
      </c>
      <c r="F100" s="7">
        <v>0.51041666666666696</v>
      </c>
      <c r="G100" s="62" t="s">
        <v>17</v>
      </c>
      <c r="H100" s="9">
        <v>0.48958333333333298</v>
      </c>
      <c r="I100" s="9">
        <v>0.49652777777777801</v>
      </c>
      <c r="J100" s="24"/>
      <c r="K100" s="6">
        <v>7</v>
      </c>
      <c r="L100" s="6" t="s">
        <v>13</v>
      </c>
      <c r="M100" s="6" t="s">
        <v>44</v>
      </c>
      <c r="N100" s="6" t="s">
        <v>40</v>
      </c>
      <c r="O100" s="6" t="s">
        <v>41</v>
      </c>
      <c r="P100" s="7">
        <v>0.51041666666666696</v>
      </c>
      <c r="Q100" s="62" t="s">
        <v>17</v>
      </c>
      <c r="R100" s="9">
        <v>0.48958333333333298</v>
      </c>
      <c r="S100" s="9">
        <v>0.49652777777777801</v>
      </c>
    </row>
    <row r="101" spans="1:19" ht="16.5" customHeight="1">
      <c r="A101" s="6">
        <v>8</v>
      </c>
      <c r="B101" s="6" t="s">
        <v>19</v>
      </c>
      <c r="C101" s="6" t="s">
        <v>44</v>
      </c>
      <c r="D101" s="6" t="s">
        <v>40</v>
      </c>
      <c r="E101" s="6" t="s">
        <v>41</v>
      </c>
      <c r="F101" s="7">
        <v>0.52083333333333304</v>
      </c>
      <c r="G101" s="62" t="s">
        <v>17</v>
      </c>
      <c r="H101" s="9">
        <v>0.5</v>
      </c>
      <c r="I101" s="9">
        <v>0.50694444444444398</v>
      </c>
      <c r="J101" s="24"/>
      <c r="K101" s="6">
        <v>8</v>
      </c>
      <c r="L101" s="6" t="s">
        <v>19</v>
      </c>
      <c r="M101" s="6" t="s">
        <v>44</v>
      </c>
      <c r="N101" s="6" t="s">
        <v>40</v>
      </c>
      <c r="O101" s="6" t="s">
        <v>41</v>
      </c>
      <c r="P101" s="7">
        <v>0.52083333333333304</v>
      </c>
      <c r="Q101" s="62" t="s">
        <v>17</v>
      </c>
      <c r="R101" s="9">
        <v>0.5</v>
      </c>
      <c r="S101" s="9">
        <v>0.50694444444444398</v>
      </c>
    </row>
    <row r="102" spans="1:19" ht="16.5" customHeight="1">
      <c r="A102" s="6">
        <v>9</v>
      </c>
      <c r="B102" s="6" t="s">
        <v>13</v>
      </c>
      <c r="C102" s="6" t="s">
        <v>56</v>
      </c>
      <c r="D102" s="6" t="s">
        <v>40</v>
      </c>
      <c r="E102" s="6" t="s">
        <v>41</v>
      </c>
      <c r="F102" s="7">
        <v>0.53125</v>
      </c>
      <c r="G102" s="62" t="s">
        <v>17</v>
      </c>
      <c r="H102" s="9">
        <v>0.51041666666666696</v>
      </c>
      <c r="I102" s="9">
        <v>0.51736111111111105</v>
      </c>
      <c r="J102" s="24"/>
      <c r="K102" s="6">
        <v>9</v>
      </c>
      <c r="L102" s="6" t="s">
        <v>13</v>
      </c>
      <c r="M102" s="6" t="s">
        <v>56</v>
      </c>
      <c r="N102" s="6" t="s">
        <v>40</v>
      </c>
      <c r="O102" s="6" t="s">
        <v>41</v>
      </c>
      <c r="P102" s="7">
        <v>0.53125</v>
      </c>
      <c r="Q102" s="62" t="s">
        <v>17</v>
      </c>
      <c r="R102" s="9">
        <v>0.51041666666666696</v>
      </c>
      <c r="S102" s="9">
        <v>0.51736111111111105</v>
      </c>
    </row>
    <row r="103" spans="1:19" ht="16.5" customHeight="1">
      <c r="A103" s="6">
        <v>10</v>
      </c>
      <c r="B103" s="6" t="s">
        <v>19</v>
      </c>
      <c r="C103" s="6" t="s">
        <v>56</v>
      </c>
      <c r="D103" s="6" t="s">
        <v>40</v>
      </c>
      <c r="E103" s="6" t="s">
        <v>41</v>
      </c>
      <c r="F103" s="7">
        <v>0.53819444444444398</v>
      </c>
      <c r="G103" s="62" t="s">
        <v>17</v>
      </c>
      <c r="H103" s="9">
        <v>0.51736111111111105</v>
      </c>
      <c r="I103" s="9">
        <v>0.52430555555555602</v>
      </c>
      <c r="J103" s="24"/>
      <c r="K103" s="6">
        <v>10</v>
      </c>
      <c r="L103" s="6" t="s">
        <v>19</v>
      </c>
      <c r="M103" s="6" t="s">
        <v>56</v>
      </c>
      <c r="N103" s="6" t="s">
        <v>40</v>
      </c>
      <c r="O103" s="6" t="s">
        <v>41</v>
      </c>
      <c r="P103" s="7">
        <v>0.53819444444444398</v>
      </c>
      <c r="Q103" s="62" t="s">
        <v>17</v>
      </c>
      <c r="R103" s="9">
        <v>0.51736111111111105</v>
      </c>
      <c r="S103" s="9">
        <v>0.52430555555555602</v>
      </c>
    </row>
    <row r="104" spans="1:19" ht="16.5" customHeight="1">
      <c r="A104" s="17">
        <v>11</v>
      </c>
      <c r="B104" s="17" t="s">
        <v>19</v>
      </c>
      <c r="C104" s="17" t="s">
        <v>63</v>
      </c>
      <c r="D104" s="17" t="s">
        <v>24</v>
      </c>
      <c r="E104" s="17"/>
      <c r="F104" s="18">
        <v>0.55208333333333304</v>
      </c>
      <c r="G104" s="17">
        <v>1</v>
      </c>
      <c r="H104" s="18">
        <v>0.53125</v>
      </c>
      <c r="I104" s="18">
        <v>0.53819444444444398</v>
      </c>
      <c r="J104" s="24"/>
      <c r="K104" s="17"/>
      <c r="L104" s="17"/>
      <c r="M104" s="17"/>
      <c r="N104" s="17"/>
      <c r="O104" s="17"/>
      <c r="P104" s="18"/>
      <c r="Q104" s="17"/>
      <c r="R104" s="18"/>
      <c r="S104" s="18"/>
    </row>
    <row r="105" spans="1:19" ht="16.5" customHeight="1">
      <c r="A105" s="6">
        <v>12</v>
      </c>
      <c r="B105" s="6" t="s">
        <v>13</v>
      </c>
      <c r="C105" s="6" t="s">
        <v>57</v>
      </c>
      <c r="D105" s="6" t="s">
        <v>40</v>
      </c>
      <c r="E105" s="6" t="s">
        <v>41</v>
      </c>
      <c r="F105" s="7">
        <v>0.57291666666666696</v>
      </c>
      <c r="G105" s="62" t="s">
        <v>17</v>
      </c>
      <c r="H105" s="9">
        <v>0.55208333333333304</v>
      </c>
      <c r="I105" s="9">
        <v>0.55902777777777801</v>
      </c>
      <c r="J105" s="24"/>
      <c r="K105" s="6">
        <v>11</v>
      </c>
      <c r="L105" s="6" t="s">
        <v>13</v>
      </c>
      <c r="M105" s="6" t="s">
        <v>57</v>
      </c>
      <c r="N105" s="6" t="s">
        <v>40</v>
      </c>
      <c r="O105" s="6" t="s">
        <v>41</v>
      </c>
      <c r="P105" s="7">
        <v>0.57291666666666696</v>
      </c>
      <c r="Q105" s="62" t="s">
        <v>17</v>
      </c>
      <c r="R105" s="9">
        <v>0.55208333333333304</v>
      </c>
      <c r="S105" s="9">
        <v>0.55902777777777801</v>
      </c>
    </row>
    <row r="106" spans="1:19" ht="16.5" customHeight="1">
      <c r="A106" s="6">
        <v>13</v>
      </c>
      <c r="B106" s="6" t="s">
        <v>19</v>
      </c>
      <c r="C106" s="6" t="s">
        <v>57</v>
      </c>
      <c r="D106" s="6" t="s">
        <v>40</v>
      </c>
      <c r="E106" s="6" t="s">
        <v>41</v>
      </c>
      <c r="F106" s="7">
        <v>0.58333333333333304</v>
      </c>
      <c r="G106" s="62" t="s">
        <v>17</v>
      </c>
      <c r="H106" s="9">
        <v>0.5625</v>
      </c>
      <c r="I106" s="9">
        <v>0.56944444444444398</v>
      </c>
      <c r="J106" s="24"/>
      <c r="K106" s="6">
        <v>12</v>
      </c>
      <c r="L106" s="6" t="s">
        <v>19</v>
      </c>
      <c r="M106" s="6" t="s">
        <v>57</v>
      </c>
      <c r="N106" s="6" t="s">
        <v>40</v>
      </c>
      <c r="O106" s="6" t="s">
        <v>41</v>
      </c>
      <c r="P106" s="7">
        <v>0.58333333333333304</v>
      </c>
      <c r="Q106" s="62" t="s">
        <v>17</v>
      </c>
      <c r="R106" s="9">
        <v>0.5625</v>
      </c>
      <c r="S106" s="9">
        <v>0.56944444444444398</v>
      </c>
    </row>
    <row r="107" spans="1:19" ht="16.5" customHeight="1">
      <c r="A107" s="8">
        <v>14</v>
      </c>
      <c r="B107" s="8" t="s">
        <v>13</v>
      </c>
      <c r="C107" s="8" t="s">
        <v>44</v>
      </c>
      <c r="D107" s="8" t="s">
        <v>24</v>
      </c>
      <c r="E107" s="8"/>
      <c r="F107" s="9">
        <v>0.60069444444444398</v>
      </c>
      <c r="G107" s="8">
        <v>1</v>
      </c>
      <c r="H107" s="9">
        <v>0.57986111111111105</v>
      </c>
      <c r="I107" s="9">
        <v>0.58680555555555602</v>
      </c>
      <c r="J107" s="24"/>
      <c r="K107" s="8">
        <v>13</v>
      </c>
      <c r="L107" s="8" t="s">
        <v>13</v>
      </c>
      <c r="M107" s="8" t="s">
        <v>44</v>
      </c>
      <c r="N107" s="8" t="s">
        <v>24</v>
      </c>
      <c r="O107" s="8"/>
      <c r="P107" s="9">
        <v>0.60069444444444398</v>
      </c>
      <c r="Q107" s="8">
        <v>1</v>
      </c>
      <c r="R107" s="9">
        <v>0.57986111111111105</v>
      </c>
      <c r="S107" s="9">
        <v>0.58680555555555602</v>
      </c>
    </row>
    <row r="108" spans="1:19" ht="16.5" customHeight="1">
      <c r="A108" s="8">
        <v>15</v>
      </c>
      <c r="B108" s="8" t="s">
        <v>19</v>
      </c>
      <c r="C108" s="8" t="s">
        <v>44</v>
      </c>
      <c r="D108" s="8" t="s">
        <v>24</v>
      </c>
      <c r="E108" s="8"/>
      <c r="F108" s="9">
        <v>0.60763888888888895</v>
      </c>
      <c r="G108" s="8">
        <v>1</v>
      </c>
      <c r="H108" s="9">
        <v>0.58680555555555602</v>
      </c>
      <c r="I108" s="9">
        <v>0.59375</v>
      </c>
      <c r="J108" s="24"/>
      <c r="K108" s="8">
        <v>14</v>
      </c>
      <c r="L108" s="8" t="s">
        <v>19</v>
      </c>
      <c r="M108" s="8" t="s">
        <v>44</v>
      </c>
      <c r="N108" s="8" t="s">
        <v>24</v>
      </c>
      <c r="O108" s="8"/>
      <c r="P108" s="9">
        <v>0.60763888888888895</v>
      </c>
      <c r="Q108" s="8">
        <v>1</v>
      </c>
      <c r="R108" s="9">
        <v>0.58680555555555602</v>
      </c>
      <c r="S108" s="9">
        <v>0.59375</v>
      </c>
    </row>
    <row r="109" spans="1:19" ht="16.5" customHeight="1">
      <c r="A109" s="8">
        <v>16</v>
      </c>
      <c r="B109" s="8" t="s">
        <v>13</v>
      </c>
      <c r="C109" s="8" t="s">
        <v>56</v>
      </c>
      <c r="D109" s="8" t="s">
        <v>24</v>
      </c>
      <c r="E109" s="8"/>
      <c r="F109" s="9">
        <v>0.61805555555555602</v>
      </c>
      <c r="G109" s="8">
        <v>1</v>
      </c>
      <c r="H109" s="9">
        <v>0.59722222222222199</v>
      </c>
      <c r="I109" s="9">
        <v>0.60416666666666696</v>
      </c>
      <c r="J109" s="24"/>
      <c r="K109" s="8">
        <v>15</v>
      </c>
      <c r="L109" s="8" t="s">
        <v>13</v>
      </c>
      <c r="M109" s="8" t="s">
        <v>56</v>
      </c>
      <c r="N109" s="8" t="s">
        <v>24</v>
      </c>
      <c r="O109" s="8"/>
      <c r="P109" s="9">
        <v>0.61805555555555602</v>
      </c>
      <c r="Q109" s="8">
        <v>1</v>
      </c>
      <c r="R109" s="9">
        <v>0.59722222222222199</v>
      </c>
      <c r="S109" s="9">
        <v>0.60416666666666696</v>
      </c>
    </row>
    <row r="110" spans="1:19" ht="16.5" customHeight="1">
      <c r="A110" s="8">
        <v>17</v>
      </c>
      <c r="B110" s="8" t="s">
        <v>19</v>
      </c>
      <c r="C110" s="8" t="s">
        <v>56</v>
      </c>
      <c r="D110" s="8" t="s">
        <v>24</v>
      </c>
      <c r="E110" s="8"/>
      <c r="F110" s="9">
        <v>0.625</v>
      </c>
      <c r="G110" s="8">
        <v>1</v>
      </c>
      <c r="H110" s="9">
        <v>0.60416666666666696</v>
      </c>
      <c r="I110" s="9">
        <v>0.61111111111111105</v>
      </c>
      <c r="J110" s="24"/>
      <c r="K110" s="8">
        <v>16</v>
      </c>
      <c r="L110" s="8" t="s">
        <v>19</v>
      </c>
      <c r="M110" s="8" t="s">
        <v>56</v>
      </c>
      <c r="N110" s="8" t="s">
        <v>24</v>
      </c>
      <c r="O110" s="8"/>
      <c r="P110" s="9">
        <v>0.625</v>
      </c>
      <c r="Q110" s="8">
        <v>1</v>
      </c>
      <c r="R110" s="9">
        <v>0.60416666666666696</v>
      </c>
      <c r="S110" s="9">
        <v>0.61111111111111105</v>
      </c>
    </row>
    <row r="111" spans="1:19" ht="16.5" customHeight="1">
      <c r="A111" s="80">
        <v>18</v>
      </c>
      <c r="B111" s="80" t="s">
        <v>19</v>
      </c>
      <c r="C111" s="80" t="s">
        <v>58</v>
      </c>
      <c r="D111" s="80" t="s">
        <v>15</v>
      </c>
      <c r="E111" s="80" t="s">
        <v>21</v>
      </c>
      <c r="F111" s="73">
        <v>0.63541666666666696</v>
      </c>
      <c r="G111" s="8">
        <v>1</v>
      </c>
      <c r="H111" s="9">
        <v>0.61458333333333304</v>
      </c>
      <c r="I111" s="9">
        <v>0.62152777777777801</v>
      </c>
      <c r="J111" s="24"/>
      <c r="K111" s="80">
        <v>17</v>
      </c>
      <c r="L111" s="80" t="s">
        <v>19</v>
      </c>
      <c r="M111" s="80" t="s">
        <v>58</v>
      </c>
      <c r="N111" s="80" t="s">
        <v>15</v>
      </c>
      <c r="O111" s="80" t="s">
        <v>21</v>
      </c>
      <c r="P111" s="73">
        <v>0.63541666666666696</v>
      </c>
      <c r="Q111" s="8">
        <v>1</v>
      </c>
      <c r="R111" s="9">
        <v>0.61458333333333304</v>
      </c>
      <c r="S111" s="9">
        <v>0.62152777777777801</v>
      </c>
    </row>
    <row r="112" spans="1:19" ht="16.5" customHeight="1">
      <c r="A112" s="82"/>
      <c r="B112" s="82"/>
      <c r="C112" s="82"/>
      <c r="D112" s="82"/>
      <c r="E112" s="82"/>
      <c r="F112" s="75"/>
      <c r="G112" s="8">
        <v>2</v>
      </c>
      <c r="H112" s="9">
        <v>0.625</v>
      </c>
      <c r="I112" s="9">
        <v>0.63194444444444398</v>
      </c>
      <c r="J112" s="24"/>
      <c r="K112" s="82"/>
      <c r="L112" s="82"/>
      <c r="M112" s="82"/>
      <c r="N112" s="82"/>
      <c r="O112" s="82"/>
      <c r="P112" s="75"/>
      <c r="Q112" s="8">
        <v>2</v>
      </c>
      <c r="R112" s="9">
        <v>0.625</v>
      </c>
      <c r="S112" s="9">
        <v>0.63194444444444398</v>
      </c>
    </row>
    <row r="113" spans="1:20" ht="16.5" customHeight="1">
      <c r="A113" s="80">
        <v>19</v>
      </c>
      <c r="B113" s="80" t="s">
        <v>13</v>
      </c>
      <c r="C113" s="80" t="s">
        <v>59</v>
      </c>
      <c r="D113" s="80" t="s">
        <v>54</v>
      </c>
      <c r="E113" s="80" t="s">
        <v>39</v>
      </c>
      <c r="F113" s="73">
        <v>0.66319444444444398</v>
      </c>
      <c r="G113" s="8" t="s">
        <v>17</v>
      </c>
      <c r="H113" s="19" t="s">
        <v>46</v>
      </c>
      <c r="I113" s="9">
        <v>0.64930555555555602</v>
      </c>
      <c r="J113" s="24"/>
      <c r="K113" s="80">
        <v>18</v>
      </c>
      <c r="L113" s="80" t="s">
        <v>13</v>
      </c>
      <c r="M113" s="80" t="s">
        <v>59</v>
      </c>
      <c r="N113" s="80" t="s">
        <v>54</v>
      </c>
      <c r="O113" s="80" t="s">
        <v>39</v>
      </c>
      <c r="P113" s="73">
        <v>0.66319444444444398</v>
      </c>
      <c r="Q113" s="8" t="s">
        <v>17</v>
      </c>
      <c r="R113" s="19" t="s">
        <v>46</v>
      </c>
      <c r="S113" s="9">
        <v>0.64930555555555602</v>
      </c>
    </row>
    <row r="114" spans="1:20" ht="16.5" customHeight="1">
      <c r="A114" s="82"/>
      <c r="B114" s="82"/>
      <c r="C114" s="82"/>
      <c r="D114" s="82"/>
      <c r="E114" s="82"/>
      <c r="F114" s="75"/>
      <c r="G114" s="8">
        <v>3</v>
      </c>
      <c r="H114" s="19" t="s">
        <v>46</v>
      </c>
      <c r="I114" s="9">
        <v>0.65625</v>
      </c>
      <c r="J114" s="24"/>
      <c r="K114" s="82"/>
      <c r="L114" s="82"/>
      <c r="M114" s="82"/>
      <c r="N114" s="82"/>
      <c r="O114" s="82"/>
      <c r="P114" s="75"/>
      <c r="Q114" s="8">
        <v>3</v>
      </c>
      <c r="R114" s="19" t="s">
        <v>46</v>
      </c>
      <c r="S114" s="9">
        <v>0.65625</v>
      </c>
    </row>
    <row r="115" spans="1:20" ht="16.5" customHeight="1">
      <c r="A115" s="8">
        <v>20</v>
      </c>
      <c r="B115" s="8" t="s">
        <v>19</v>
      </c>
      <c r="C115" s="8" t="s">
        <v>60</v>
      </c>
      <c r="D115" s="8" t="s">
        <v>38</v>
      </c>
      <c r="E115" s="8" t="s">
        <v>61</v>
      </c>
      <c r="F115" s="9">
        <v>0.67708333333333304</v>
      </c>
      <c r="G115" s="8">
        <v>1</v>
      </c>
      <c r="H115" s="19" t="s">
        <v>46</v>
      </c>
      <c r="I115" s="9">
        <v>0.66319444444444398</v>
      </c>
      <c r="J115" s="24"/>
      <c r="K115" s="8">
        <v>19</v>
      </c>
      <c r="L115" s="8" t="s">
        <v>19</v>
      </c>
      <c r="M115" s="8" t="s">
        <v>60</v>
      </c>
      <c r="N115" s="8" t="s">
        <v>38</v>
      </c>
      <c r="O115" s="8" t="s">
        <v>61</v>
      </c>
      <c r="P115" s="9">
        <v>0.67708333333333304</v>
      </c>
      <c r="Q115" s="8">
        <v>1</v>
      </c>
      <c r="R115" s="19" t="s">
        <v>46</v>
      </c>
      <c r="S115" s="9">
        <v>0.66319444444444398</v>
      </c>
    </row>
    <row r="116" spans="1:20" ht="16.5" customHeight="1">
      <c r="A116" s="80">
        <v>21</v>
      </c>
      <c r="B116" s="80" t="s">
        <v>13</v>
      </c>
      <c r="C116" s="80" t="s">
        <v>62</v>
      </c>
      <c r="D116" s="80" t="s">
        <v>15</v>
      </c>
      <c r="E116" s="80" t="s">
        <v>16</v>
      </c>
      <c r="F116" s="73">
        <v>0.69097222222222199</v>
      </c>
      <c r="G116" s="62" t="s">
        <v>17</v>
      </c>
      <c r="H116" s="9">
        <v>0.67013888888888895</v>
      </c>
      <c r="I116" s="9">
        <v>0.67708333333333304</v>
      </c>
      <c r="J116" s="24"/>
      <c r="K116" s="80">
        <v>20</v>
      </c>
      <c r="L116" s="80" t="s">
        <v>13</v>
      </c>
      <c r="M116" s="80" t="s">
        <v>62</v>
      </c>
      <c r="N116" s="80" t="s">
        <v>15</v>
      </c>
      <c r="O116" s="80" t="s">
        <v>16</v>
      </c>
      <c r="P116" s="73">
        <v>0.69097222222222199</v>
      </c>
      <c r="Q116" s="62" t="s">
        <v>17</v>
      </c>
      <c r="R116" s="9">
        <v>0.67013888888888895</v>
      </c>
      <c r="S116" s="9">
        <v>0.67708333333333304</v>
      </c>
    </row>
    <row r="117" spans="1:20" ht="16.5" customHeight="1">
      <c r="A117" s="81"/>
      <c r="B117" s="81"/>
      <c r="C117" s="81"/>
      <c r="D117" s="81"/>
      <c r="E117" s="81"/>
      <c r="F117" s="74"/>
      <c r="G117" s="62" t="s">
        <v>18</v>
      </c>
      <c r="H117" s="9">
        <v>0.67708333333333304</v>
      </c>
      <c r="I117" s="9">
        <v>0.68402777777777801</v>
      </c>
      <c r="J117" s="24"/>
      <c r="K117" s="81"/>
      <c r="L117" s="81"/>
      <c r="M117" s="81"/>
      <c r="N117" s="81"/>
      <c r="O117" s="81"/>
      <c r="P117" s="74"/>
      <c r="Q117" s="62" t="s">
        <v>18</v>
      </c>
      <c r="R117" s="9">
        <v>0.67708333333333304</v>
      </c>
      <c r="S117" s="9">
        <v>0.68402777777777801</v>
      </c>
    </row>
    <row r="118" spans="1:20" ht="16.5" customHeight="1">
      <c r="A118" s="82"/>
      <c r="B118" s="82"/>
      <c r="C118" s="82"/>
      <c r="D118" s="82"/>
      <c r="E118" s="82"/>
      <c r="F118" s="75"/>
      <c r="G118" s="8">
        <v>5</v>
      </c>
      <c r="H118" s="9">
        <v>0.68402777777777801</v>
      </c>
      <c r="I118" s="9">
        <v>0.69097222222222199</v>
      </c>
      <c r="J118" s="24"/>
      <c r="K118" s="82"/>
      <c r="L118" s="82"/>
      <c r="M118" s="82"/>
      <c r="N118" s="82"/>
      <c r="O118" s="82"/>
      <c r="P118" s="75"/>
      <c r="Q118" s="8">
        <v>5</v>
      </c>
      <c r="R118" s="9">
        <v>0.68402777777777801</v>
      </c>
      <c r="S118" s="9">
        <v>0.69097222222222199</v>
      </c>
    </row>
    <row r="119" spans="1:20" ht="16.5" customHeight="1">
      <c r="A119" s="83">
        <v>22</v>
      </c>
      <c r="B119" s="83" t="s">
        <v>19</v>
      </c>
      <c r="C119" s="83" t="s">
        <v>62</v>
      </c>
      <c r="D119" s="83" t="s">
        <v>15</v>
      </c>
      <c r="E119" s="83" t="s">
        <v>16</v>
      </c>
      <c r="F119" s="76">
        <v>0.71875</v>
      </c>
      <c r="G119" s="62" t="s">
        <v>17</v>
      </c>
      <c r="H119" s="9">
        <v>0.69791666666666696</v>
      </c>
      <c r="I119" s="9">
        <v>0.70486111111111105</v>
      </c>
      <c r="K119" s="83">
        <v>21</v>
      </c>
      <c r="L119" s="83" t="s">
        <v>19</v>
      </c>
      <c r="M119" s="83" t="s">
        <v>62</v>
      </c>
      <c r="N119" s="83" t="s">
        <v>15</v>
      </c>
      <c r="O119" s="83" t="s">
        <v>16</v>
      </c>
      <c r="P119" s="76">
        <v>0.71875</v>
      </c>
      <c r="Q119" s="62" t="s">
        <v>17</v>
      </c>
      <c r="R119" s="9">
        <v>0.69791666666666696</v>
      </c>
      <c r="S119" s="9">
        <v>0.70486111111111105</v>
      </c>
    </row>
    <row r="120" spans="1:20" ht="16.5" customHeight="1">
      <c r="A120" s="83"/>
      <c r="B120" s="83"/>
      <c r="C120" s="83"/>
      <c r="D120" s="83"/>
      <c r="E120" s="83"/>
      <c r="F120" s="76"/>
      <c r="G120" s="62" t="s">
        <v>18</v>
      </c>
      <c r="H120" s="9">
        <v>0.70486111111111105</v>
      </c>
      <c r="I120" s="9">
        <v>0.71180555555555503</v>
      </c>
      <c r="K120" s="83"/>
      <c r="L120" s="83"/>
      <c r="M120" s="83"/>
      <c r="N120" s="83"/>
      <c r="O120" s="83"/>
      <c r="P120" s="76"/>
      <c r="Q120" s="62" t="s">
        <v>18</v>
      </c>
      <c r="R120" s="9">
        <v>0.70486111111111105</v>
      </c>
      <c r="S120" s="9">
        <v>0.71180555555555503</v>
      </c>
    </row>
    <row r="121" spans="1:20" ht="16.5" customHeight="1">
      <c r="A121" s="83"/>
      <c r="B121" s="83"/>
      <c r="C121" s="83"/>
      <c r="D121" s="83"/>
      <c r="E121" s="83"/>
      <c r="F121" s="76"/>
      <c r="G121" s="8">
        <v>5</v>
      </c>
      <c r="H121" s="9">
        <v>0.71180555555555503</v>
      </c>
      <c r="I121" s="9">
        <v>0.71875</v>
      </c>
      <c r="K121" s="83"/>
      <c r="L121" s="83"/>
      <c r="M121" s="83"/>
      <c r="N121" s="83"/>
      <c r="O121" s="83"/>
      <c r="P121" s="76"/>
      <c r="Q121" s="8">
        <v>5</v>
      </c>
      <c r="R121" s="9">
        <v>0.71180555555555503</v>
      </c>
      <c r="S121" s="9">
        <v>0.71875</v>
      </c>
    </row>
    <row r="122" spans="1:20" ht="16.5" customHeight="1">
      <c r="A122" s="10"/>
      <c r="B122" s="10"/>
      <c r="C122" s="10"/>
      <c r="D122" s="10"/>
      <c r="E122" s="10"/>
      <c r="F122" s="11"/>
      <c r="G122" s="10"/>
      <c r="H122" s="11"/>
      <c r="I122" s="11"/>
      <c r="K122" s="17">
        <v>22</v>
      </c>
      <c r="L122" s="17" t="s">
        <v>19</v>
      </c>
      <c r="M122" s="17" t="s">
        <v>63</v>
      </c>
      <c r="N122" s="17" t="s">
        <v>24</v>
      </c>
      <c r="O122" s="17"/>
      <c r="P122" s="18">
        <v>0.75347222222222199</v>
      </c>
      <c r="Q122" s="17">
        <v>1</v>
      </c>
      <c r="R122" s="18">
        <v>0.73263888888888895</v>
      </c>
      <c r="S122" s="18">
        <v>0.73958333333333304</v>
      </c>
      <c r="T122" s="1" t="s">
        <v>86</v>
      </c>
    </row>
    <row r="123" spans="1:20" ht="16.5" customHeight="1">
      <c r="A123" s="10"/>
      <c r="B123" s="10"/>
      <c r="C123" s="10"/>
      <c r="D123" s="10"/>
      <c r="E123" s="10"/>
      <c r="F123" s="11"/>
      <c r="G123" s="10"/>
      <c r="H123" s="11"/>
      <c r="I123" s="11"/>
      <c r="Q123" s="11"/>
      <c r="R123" s="1" t="s">
        <v>87</v>
      </c>
      <c r="S123" s="1"/>
    </row>
    <row r="124" spans="1:20" ht="16.5" customHeight="1">
      <c r="A124" s="1" t="s">
        <v>25</v>
      </c>
      <c r="K124" s="1" t="s">
        <v>25</v>
      </c>
    </row>
    <row r="125" spans="1:20" ht="16.5" customHeight="1">
      <c r="A125" s="4" t="s">
        <v>4</v>
      </c>
      <c r="B125" s="4" t="s">
        <v>5</v>
      </c>
      <c r="C125" s="4" t="s">
        <v>6</v>
      </c>
      <c r="D125" s="4" t="s">
        <v>7</v>
      </c>
      <c r="E125" s="4" t="s">
        <v>26</v>
      </c>
      <c r="F125" s="5" t="s">
        <v>9</v>
      </c>
      <c r="G125" s="4" t="s">
        <v>10</v>
      </c>
      <c r="H125" s="5" t="s">
        <v>11</v>
      </c>
      <c r="I125" s="5" t="s">
        <v>12</v>
      </c>
      <c r="K125" s="4" t="s">
        <v>4</v>
      </c>
      <c r="L125" s="4" t="s">
        <v>5</v>
      </c>
      <c r="M125" s="4" t="s">
        <v>6</v>
      </c>
      <c r="N125" s="4" t="s">
        <v>7</v>
      </c>
      <c r="O125" s="4" t="s">
        <v>26</v>
      </c>
      <c r="P125" s="5" t="s">
        <v>9</v>
      </c>
      <c r="Q125" s="4" t="s">
        <v>10</v>
      </c>
      <c r="R125" s="5" t="s">
        <v>11</v>
      </c>
      <c r="S125" s="5" t="s">
        <v>12</v>
      </c>
    </row>
    <row r="126" spans="1:20" ht="16.5" customHeight="1">
      <c r="A126" s="8">
        <v>1</v>
      </c>
      <c r="B126" s="8" t="s">
        <v>13</v>
      </c>
      <c r="C126" s="23" t="s">
        <v>64</v>
      </c>
      <c r="D126" s="8" t="s">
        <v>54</v>
      </c>
      <c r="E126" s="4" t="s">
        <v>88</v>
      </c>
      <c r="F126" s="9">
        <v>0.44444444444444398</v>
      </c>
      <c r="G126" s="8">
        <v>1</v>
      </c>
      <c r="H126" s="19" t="s">
        <v>46</v>
      </c>
      <c r="I126" s="9">
        <v>0.41666666666666702</v>
      </c>
      <c r="K126" s="8">
        <v>1</v>
      </c>
      <c r="L126" s="8" t="s">
        <v>13</v>
      </c>
      <c r="M126" s="23" t="s">
        <v>64</v>
      </c>
      <c r="N126" s="8" t="s">
        <v>54</v>
      </c>
      <c r="O126" s="4" t="s">
        <v>88</v>
      </c>
      <c r="P126" s="9">
        <v>0.44444444444444398</v>
      </c>
      <c r="Q126" s="8">
        <v>1</v>
      </c>
      <c r="R126" s="19" t="s">
        <v>46</v>
      </c>
      <c r="S126" s="9">
        <v>0.41666666666666702</v>
      </c>
    </row>
    <row r="127" spans="1:20" ht="16.5" customHeight="1">
      <c r="A127" s="8">
        <v>2</v>
      </c>
      <c r="B127" s="8" t="s">
        <v>19</v>
      </c>
      <c r="C127" s="8" t="s">
        <v>27</v>
      </c>
      <c r="D127" s="8" t="s">
        <v>24</v>
      </c>
      <c r="E127" s="4" t="s">
        <v>28</v>
      </c>
      <c r="F127" s="9">
        <v>0.44791666666666702</v>
      </c>
      <c r="G127" s="8">
        <v>1</v>
      </c>
      <c r="H127" s="9">
        <v>0.39236111111111099</v>
      </c>
      <c r="I127" s="9">
        <v>0.40625</v>
      </c>
      <c r="K127" s="8">
        <v>2</v>
      </c>
      <c r="L127" s="8" t="s">
        <v>19</v>
      </c>
      <c r="M127" s="8" t="s">
        <v>27</v>
      </c>
      <c r="N127" s="8" t="s">
        <v>24</v>
      </c>
      <c r="O127" s="4" t="s">
        <v>28</v>
      </c>
      <c r="P127" s="9">
        <v>0.44791666666666702</v>
      </c>
      <c r="Q127" s="8">
        <v>1</v>
      </c>
      <c r="R127" s="9">
        <v>0.39236111111111099</v>
      </c>
      <c r="S127" s="9">
        <v>0.40625</v>
      </c>
    </row>
    <row r="128" spans="1:20" ht="16.5" customHeight="1">
      <c r="A128" s="8">
        <v>3</v>
      </c>
      <c r="B128" s="8" t="s">
        <v>19</v>
      </c>
      <c r="C128" s="23" t="s">
        <v>66</v>
      </c>
      <c r="D128" s="8" t="s">
        <v>38</v>
      </c>
      <c r="E128" s="4" t="s">
        <v>88</v>
      </c>
      <c r="F128" s="9">
        <v>0.57638888888888895</v>
      </c>
      <c r="G128" s="8">
        <v>1</v>
      </c>
      <c r="H128" s="19" t="s">
        <v>46</v>
      </c>
      <c r="I128" s="9">
        <v>0.54861111111111105</v>
      </c>
      <c r="K128" s="8">
        <v>3</v>
      </c>
      <c r="L128" s="8" t="s">
        <v>19</v>
      </c>
      <c r="M128" s="23" t="s">
        <v>66</v>
      </c>
      <c r="N128" s="8" t="s">
        <v>38</v>
      </c>
      <c r="O128" s="4" t="s">
        <v>88</v>
      </c>
      <c r="P128" s="9">
        <v>0.57638888888888895</v>
      </c>
      <c r="Q128" s="8">
        <v>1</v>
      </c>
      <c r="R128" s="19" t="s">
        <v>46</v>
      </c>
      <c r="S128" s="9">
        <v>0.54861111111111105</v>
      </c>
    </row>
    <row r="129" spans="1:20" ht="16.5" customHeight="1">
      <c r="A129" s="8">
        <v>4</v>
      </c>
      <c r="B129" s="8" t="s">
        <v>19</v>
      </c>
      <c r="C129" s="8" t="s">
        <v>67</v>
      </c>
      <c r="D129" s="8" t="s">
        <v>24</v>
      </c>
      <c r="E129" s="4" t="s">
        <v>49</v>
      </c>
      <c r="F129" s="9">
        <v>0.58333333333333304</v>
      </c>
      <c r="G129" s="8">
        <v>1</v>
      </c>
      <c r="H129" s="9">
        <v>0.54861111111111105</v>
      </c>
      <c r="I129" s="9">
        <v>0.55555555555555602</v>
      </c>
      <c r="K129" s="8">
        <v>4</v>
      </c>
      <c r="L129" s="8" t="s">
        <v>19</v>
      </c>
      <c r="M129" s="8" t="s">
        <v>67</v>
      </c>
      <c r="N129" s="8" t="s">
        <v>24</v>
      </c>
      <c r="O129" s="4" t="s">
        <v>49</v>
      </c>
      <c r="P129" s="9">
        <v>0.58333333333333304</v>
      </c>
      <c r="Q129" s="8">
        <v>1</v>
      </c>
      <c r="R129" s="9">
        <v>0.54861111111111105</v>
      </c>
      <c r="S129" s="9">
        <v>0.55555555555555602</v>
      </c>
    </row>
    <row r="130" spans="1:20" ht="16.5" customHeight="1">
      <c r="A130" s="20"/>
      <c r="B130" s="20"/>
      <c r="C130" s="20"/>
      <c r="D130" s="20"/>
      <c r="E130" s="21"/>
      <c r="F130" s="22"/>
      <c r="G130" s="20"/>
      <c r="H130" s="22"/>
      <c r="I130" s="22"/>
      <c r="K130" s="20"/>
      <c r="L130" s="20"/>
      <c r="M130" s="20"/>
      <c r="N130" s="20"/>
      <c r="O130" s="21"/>
      <c r="P130" s="22"/>
      <c r="Q130" s="20"/>
      <c r="R130" s="22"/>
      <c r="S130" s="22"/>
    </row>
    <row r="131" spans="1:20" ht="16.5" customHeight="1">
      <c r="A131" s="1" t="s">
        <v>31</v>
      </c>
      <c r="B131" s="13"/>
      <c r="C131" s="13"/>
      <c r="D131" s="13"/>
      <c r="E131" s="14"/>
      <c r="F131" s="15"/>
      <c r="G131" s="13"/>
      <c r="H131" s="15"/>
      <c r="I131" s="15"/>
      <c r="K131" s="1" t="s">
        <v>31</v>
      </c>
      <c r="L131" s="13"/>
      <c r="M131" s="13"/>
      <c r="N131" s="13"/>
      <c r="O131" s="14"/>
      <c r="P131" s="15"/>
      <c r="Q131" s="13"/>
      <c r="R131" s="15"/>
      <c r="S131" s="15"/>
    </row>
    <row r="132" spans="1:20" ht="16.5" customHeight="1">
      <c r="A132" s="8">
        <v>1</v>
      </c>
      <c r="B132" s="8" t="s">
        <v>19</v>
      </c>
      <c r="C132" s="8" t="s">
        <v>34</v>
      </c>
      <c r="D132" s="8" t="s">
        <v>24</v>
      </c>
      <c r="E132" s="4" t="s">
        <v>35</v>
      </c>
      <c r="F132" s="9">
        <v>0.39583333333333298</v>
      </c>
      <c r="G132" s="8">
        <v>1</v>
      </c>
      <c r="H132" s="9">
        <v>0.36111111111111099</v>
      </c>
      <c r="I132" s="9">
        <v>0.36805555555555602</v>
      </c>
      <c r="K132" s="8">
        <v>1</v>
      </c>
      <c r="L132" s="8" t="s">
        <v>19</v>
      </c>
      <c r="M132" s="8" t="s">
        <v>34</v>
      </c>
      <c r="N132" s="8" t="s">
        <v>24</v>
      </c>
      <c r="O132" s="4" t="s">
        <v>35</v>
      </c>
      <c r="P132" s="9">
        <v>0.39583333333333298</v>
      </c>
      <c r="Q132" s="8">
        <v>1</v>
      </c>
      <c r="R132" s="9">
        <v>0.36111111111111099</v>
      </c>
      <c r="S132" s="9">
        <v>0.36805555555555602</v>
      </c>
    </row>
    <row r="133" spans="1:20" ht="16.5" customHeight="1">
      <c r="A133" s="8">
        <v>2</v>
      </c>
      <c r="B133" s="8" t="s">
        <v>19</v>
      </c>
      <c r="C133" s="8" t="s">
        <v>68</v>
      </c>
      <c r="D133" s="8" t="s">
        <v>38</v>
      </c>
      <c r="E133" s="4" t="s">
        <v>35</v>
      </c>
      <c r="F133" s="9">
        <v>0.46527777777777801</v>
      </c>
      <c r="G133" s="8">
        <v>1</v>
      </c>
      <c r="H133" s="19" t="s">
        <v>46</v>
      </c>
      <c r="I133" s="9">
        <v>0.4375</v>
      </c>
      <c r="K133" s="8">
        <v>2</v>
      </c>
      <c r="L133" s="8" t="s">
        <v>19</v>
      </c>
      <c r="M133" s="8" t="s">
        <v>68</v>
      </c>
      <c r="N133" s="8" t="s">
        <v>38</v>
      </c>
      <c r="O133" s="4" t="s">
        <v>35</v>
      </c>
      <c r="P133" s="9">
        <v>0.46527777777777801</v>
      </c>
      <c r="Q133" s="8">
        <v>1</v>
      </c>
      <c r="R133" s="19" t="s">
        <v>46</v>
      </c>
      <c r="S133" s="9">
        <v>0.4375</v>
      </c>
    </row>
    <row r="134" spans="1:20" ht="16.5" customHeight="1">
      <c r="A134" s="8">
        <v>3</v>
      </c>
      <c r="B134" s="8" t="s">
        <v>13</v>
      </c>
      <c r="C134" s="8" t="s">
        <v>69</v>
      </c>
      <c r="D134" s="8" t="s">
        <v>54</v>
      </c>
      <c r="E134" s="4" t="s">
        <v>35</v>
      </c>
      <c r="F134" s="9">
        <v>0.5625</v>
      </c>
      <c r="G134" s="8">
        <v>1</v>
      </c>
      <c r="H134" s="19" t="s">
        <v>46</v>
      </c>
      <c r="I134" s="9">
        <v>0.53472222222222199</v>
      </c>
      <c r="K134" s="8">
        <v>3</v>
      </c>
      <c r="L134" s="8" t="s">
        <v>13</v>
      </c>
      <c r="M134" s="8" t="s">
        <v>69</v>
      </c>
      <c r="N134" s="8" t="s">
        <v>54</v>
      </c>
      <c r="O134" s="4" t="s">
        <v>35</v>
      </c>
      <c r="P134" s="9">
        <v>0.5625</v>
      </c>
      <c r="Q134" s="8">
        <v>1</v>
      </c>
      <c r="R134" s="19" t="s">
        <v>46</v>
      </c>
      <c r="S134" s="9">
        <v>0.53472222222222199</v>
      </c>
    </row>
    <row r="135" spans="1:20" ht="16.5" customHeight="1">
      <c r="A135" s="8">
        <v>4</v>
      </c>
      <c r="B135" s="8" t="s">
        <v>13</v>
      </c>
      <c r="C135" s="8" t="s">
        <v>50</v>
      </c>
      <c r="D135" s="8" t="s">
        <v>24</v>
      </c>
      <c r="E135" s="4" t="s">
        <v>35</v>
      </c>
      <c r="F135" s="9">
        <v>0.60416666666666696</v>
      </c>
      <c r="G135" s="8">
        <v>1</v>
      </c>
      <c r="H135" s="9">
        <v>0.56944444444444398</v>
      </c>
      <c r="I135" s="9">
        <v>0.57638888888888895</v>
      </c>
      <c r="K135" s="8">
        <v>4</v>
      </c>
      <c r="L135" s="8" t="s">
        <v>13</v>
      </c>
      <c r="M135" s="8" t="s">
        <v>50</v>
      </c>
      <c r="N135" s="8" t="s">
        <v>24</v>
      </c>
      <c r="O135" s="4" t="s">
        <v>35</v>
      </c>
      <c r="P135" s="9">
        <v>0.60416666666666696</v>
      </c>
      <c r="Q135" s="8">
        <v>1</v>
      </c>
      <c r="R135" s="9">
        <v>0.56944444444444398</v>
      </c>
      <c r="S135" s="9">
        <v>0.57638888888888895</v>
      </c>
    </row>
    <row r="136" spans="1:20" ht="15" customHeight="1">
      <c r="A136" s="2"/>
      <c r="B136" s="2"/>
      <c r="C136" s="2"/>
      <c r="D136" s="2"/>
      <c r="E136" s="2"/>
      <c r="F136" s="2"/>
      <c r="K136" s="2"/>
      <c r="L136" s="2"/>
      <c r="M136" s="2"/>
      <c r="N136" s="2"/>
      <c r="O136" s="2"/>
      <c r="P136" s="2"/>
    </row>
    <row r="137" spans="1:20" ht="27" customHeight="1">
      <c r="A137" s="92" t="s">
        <v>70</v>
      </c>
      <c r="B137" s="92"/>
      <c r="C137" s="92"/>
      <c r="D137" s="92"/>
      <c r="E137" s="92"/>
      <c r="F137" s="92"/>
      <c r="G137" s="92"/>
      <c r="H137" s="92"/>
      <c r="I137" s="92"/>
      <c r="K137" s="92" t="s">
        <v>70</v>
      </c>
      <c r="L137" s="92"/>
      <c r="M137" s="92"/>
      <c r="N137" s="92"/>
      <c r="O137" s="92"/>
      <c r="P137" s="92"/>
      <c r="Q137" s="92"/>
      <c r="R137" s="92"/>
      <c r="S137" s="92"/>
    </row>
    <row r="138" spans="1:20" ht="18.75" customHeight="1">
      <c r="A138" s="1" t="s">
        <v>3</v>
      </c>
      <c r="C138" s="3"/>
      <c r="D138" s="3"/>
      <c r="E138" s="3"/>
      <c r="F138" s="3"/>
      <c r="G138" s="3"/>
      <c r="H138" s="1"/>
      <c r="I138" s="25"/>
      <c r="K138" s="1" t="s">
        <v>3</v>
      </c>
      <c r="M138" s="3"/>
      <c r="N138" s="3"/>
      <c r="O138" s="3"/>
      <c r="P138" s="3"/>
      <c r="Q138" s="3"/>
      <c r="R138" s="1"/>
      <c r="S138" s="25"/>
    </row>
    <row r="139" spans="1:20" ht="18.75" customHeight="1">
      <c r="A139" s="4" t="s">
        <v>4</v>
      </c>
      <c r="B139" s="4" t="s">
        <v>5</v>
      </c>
      <c r="C139" s="4" t="s">
        <v>6</v>
      </c>
      <c r="D139" s="4" t="s">
        <v>7</v>
      </c>
      <c r="E139" s="4" t="s">
        <v>8</v>
      </c>
      <c r="F139" s="5" t="s">
        <v>9</v>
      </c>
      <c r="G139" s="4" t="s">
        <v>10</v>
      </c>
      <c r="H139" s="5" t="s">
        <v>11</v>
      </c>
      <c r="I139" s="5" t="s">
        <v>12</v>
      </c>
      <c r="K139" s="4" t="s">
        <v>4</v>
      </c>
      <c r="L139" s="4" t="s">
        <v>5</v>
      </c>
      <c r="M139" s="4" t="s">
        <v>6</v>
      </c>
      <c r="N139" s="4" t="s">
        <v>7</v>
      </c>
      <c r="O139" s="4" t="s">
        <v>8</v>
      </c>
      <c r="P139" s="5" t="s">
        <v>9</v>
      </c>
      <c r="Q139" s="4" t="s">
        <v>10</v>
      </c>
      <c r="R139" s="5" t="s">
        <v>11</v>
      </c>
      <c r="S139" s="5" t="s">
        <v>12</v>
      </c>
    </row>
    <row r="140" spans="1:20" ht="18.75" customHeight="1">
      <c r="A140" s="8">
        <v>1</v>
      </c>
      <c r="B140" s="8" t="s">
        <v>13</v>
      </c>
      <c r="C140" s="8" t="s">
        <v>62</v>
      </c>
      <c r="D140" s="8" t="s">
        <v>40</v>
      </c>
      <c r="E140" s="8" t="s">
        <v>41</v>
      </c>
      <c r="F140" s="9">
        <v>0.38888888888888901</v>
      </c>
      <c r="G140" s="62" t="s">
        <v>17</v>
      </c>
      <c r="H140" s="9">
        <v>0.36805555555555602</v>
      </c>
      <c r="I140" s="9">
        <v>0.375</v>
      </c>
      <c r="K140" s="8">
        <v>1</v>
      </c>
      <c r="L140" s="8" t="s">
        <v>13</v>
      </c>
      <c r="M140" s="8" t="s">
        <v>62</v>
      </c>
      <c r="N140" s="8" t="s">
        <v>40</v>
      </c>
      <c r="O140" s="8" t="s">
        <v>41</v>
      </c>
      <c r="P140" s="9">
        <v>0.38888888888888901</v>
      </c>
      <c r="Q140" s="62" t="s">
        <v>17</v>
      </c>
      <c r="R140" s="9">
        <v>0.36805555555555602</v>
      </c>
      <c r="S140" s="9">
        <v>0.375</v>
      </c>
    </row>
    <row r="141" spans="1:20" ht="18.75" customHeight="1">
      <c r="A141" s="8">
        <v>2</v>
      </c>
      <c r="B141" s="8" t="s">
        <v>19</v>
      </c>
      <c r="C141" s="8" t="s">
        <v>62</v>
      </c>
      <c r="D141" s="8" t="s">
        <v>40</v>
      </c>
      <c r="E141" s="8" t="s">
        <v>41</v>
      </c>
      <c r="F141" s="9">
        <v>0.40277777777777801</v>
      </c>
      <c r="G141" s="62" t="s">
        <v>17</v>
      </c>
      <c r="H141" s="9">
        <v>0.38194444444444398</v>
      </c>
      <c r="I141" s="9">
        <v>0.38888888888888901</v>
      </c>
      <c r="K141" s="8">
        <v>2</v>
      </c>
      <c r="L141" s="8" t="s">
        <v>19</v>
      </c>
      <c r="M141" s="8" t="s">
        <v>62</v>
      </c>
      <c r="N141" s="8" t="s">
        <v>40</v>
      </c>
      <c r="O141" s="8" t="s">
        <v>41</v>
      </c>
      <c r="P141" s="9">
        <v>0.40277777777777801</v>
      </c>
      <c r="Q141" s="62" t="s">
        <v>17</v>
      </c>
      <c r="R141" s="9">
        <v>0.38194444444444398</v>
      </c>
      <c r="S141" s="9">
        <v>0.38888888888888901</v>
      </c>
    </row>
    <row r="142" spans="1:20" ht="18.75" customHeight="1">
      <c r="A142" s="17">
        <v>3</v>
      </c>
      <c r="B142" s="17" t="s">
        <v>19</v>
      </c>
      <c r="C142" s="17" t="s">
        <v>23</v>
      </c>
      <c r="D142" s="17" t="s">
        <v>24</v>
      </c>
      <c r="E142" s="17"/>
      <c r="F142" s="18">
        <v>0.41666666666666702</v>
      </c>
      <c r="G142" s="17">
        <v>1</v>
      </c>
      <c r="H142" s="18">
        <v>0.39583333333333298</v>
      </c>
      <c r="I142" s="18">
        <v>0.40277777777777801</v>
      </c>
      <c r="K142" s="17">
        <v>3</v>
      </c>
      <c r="L142" s="17" t="s">
        <v>19</v>
      </c>
      <c r="M142" s="17" t="s">
        <v>58</v>
      </c>
      <c r="N142" s="17" t="s">
        <v>24</v>
      </c>
      <c r="O142" s="17"/>
      <c r="P142" s="48">
        <v>0.42013888888888901</v>
      </c>
      <c r="Q142" s="17">
        <v>1</v>
      </c>
      <c r="R142" s="48">
        <v>0.39930555555555602</v>
      </c>
      <c r="S142" s="48">
        <v>0.40625</v>
      </c>
      <c r="T142" s="1" t="s">
        <v>90</v>
      </c>
    </row>
    <row r="143" spans="1:20" ht="18.75" customHeight="1">
      <c r="A143" s="80">
        <v>4</v>
      </c>
      <c r="B143" s="80" t="s">
        <v>13</v>
      </c>
      <c r="C143" s="80" t="s">
        <v>72</v>
      </c>
      <c r="D143" s="80" t="s">
        <v>15</v>
      </c>
      <c r="E143" s="80" t="s">
        <v>16</v>
      </c>
      <c r="F143" s="73">
        <v>0.44444444444444398</v>
      </c>
      <c r="G143" s="62" t="s">
        <v>17</v>
      </c>
      <c r="H143" s="9">
        <v>0.42361111111111099</v>
      </c>
      <c r="I143" s="9">
        <v>0.43055555555555602</v>
      </c>
      <c r="K143" s="17">
        <v>4</v>
      </c>
      <c r="L143" s="17" t="s">
        <v>13</v>
      </c>
      <c r="M143" s="17" t="s">
        <v>71</v>
      </c>
      <c r="N143" s="17" t="s">
        <v>24</v>
      </c>
      <c r="O143" s="17"/>
      <c r="P143" s="48">
        <v>0.4375</v>
      </c>
      <c r="Q143" s="17">
        <v>1</v>
      </c>
      <c r="R143" s="48">
        <v>0.41666666666666702</v>
      </c>
      <c r="S143" s="48">
        <v>0.42361111111111099</v>
      </c>
      <c r="T143" s="1" t="s">
        <v>91</v>
      </c>
    </row>
    <row r="144" spans="1:20" ht="18.75" customHeight="1">
      <c r="A144" s="81"/>
      <c r="B144" s="81"/>
      <c r="C144" s="81"/>
      <c r="D144" s="81"/>
      <c r="E144" s="81"/>
      <c r="F144" s="74"/>
      <c r="G144" s="62" t="s">
        <v>18</v>
      </c>
      <c r="H144" s="9">
        <v>0.43055555555555602</v>
      </c>
      <c r="I144" s="9">
        <v>0.4375</v>
      </c>
      <c r="K144" s="80">
        <v>5</v>
      </c>
      <c r="L144" s="80" t="s">
        <v>13</v>
      </c>
      <c r="M144" s="80" t="s">
        <v>72</v>
      </c>
      <c r="N144" s="80" t="s">
        <v>15</v>
      </c>
      <c r="O144" s="80" t="s">
        <v>16</v>
      </c>
      <c r="P144" s="93">
        <v>0.45138888888888901</v>
      </c>
      <c r="Q144" s="62" t="s">
        <v>17</v>
      </c>
      <c r="R144" s="51">
        <v>0.43055555555555602</v>
      </c>
      <c r="S144" s="51">
        <v>0.4375</v>
      </c>
      <c r="T144" s="1" t="s">
        <v>96</v>
      </c>
    </row>
    <row r="145" spans="1:20" ht="18.75" customHeight="1">
      <c r="A145" s="82"/>
      <c r="B145" s="82"/>
      <c r="C145" s="82"/>
      <c r="D145" s="82"/>
      <c r="E145" s="82"/>
      <c r="F145" s="75"/>
      <c r="G145" s="8">
        <v>5</v>
      </c>
      <c r="H145" s="9">
        <v>0.4375</v>
      </c>
      <c r="I145" s="9">
        <v>0.44444444444444398</v>
      </c>
      <c r="K145" s="81"/>
      <c r="L145" s="81"/>
      <c r="M145" s="81"/>
      <c r="N145" s="81"/>
      <c r="O145" s="81"/>
      <c r="P145" s="94"/>
      <c r="Q145" s="62" t="s">
        <v>18</v>
      </c>
      <c r="R145" s="51">
        <v>0.4375</v>
      </c>
      <c r="S145" s="51">
        <v>0.44444444444444398</v>
      </c>
    </row>
    <row r="146" spans="1:20" ht="18.75" customHeight="1">
      <c r="A146" s="80">
        <v>5</v>
      </c>
      <c r="B146" s="80" t="s">
        <v>19</v>
      </c>
      <c r="C146" s="80" t="s">
        <v>72</v>
      </c>
      <c r="D146" s="80" t="s">
        <v>15</v>
      </c>
      <c r="E146" s="80" t="s">
        <v>16</v>
      </c>
      <c r="F146" s="73">
        <v>0.46180555555555602</v>
      </c>
      <c r="G146" s="62" t="s">
        <v>17</v>
      </c>
      <c r="H146" s="9">
        <v>0.44097222222222199</v>
      </c>
      <c r="I146" s="9">
        <v>0.44791666666666702</v>
      </c>
      <c r="K146" s="82"/>
      <c r="L146" s="82"/>
      <c r="M146" s="82"/>
      <c r="N146" s="82"/>
      <c r="O146" s="82"/>
      <c r="P146" s="95"/>
      <c r="Q146" s="8">
        <v>5</v>
      </c>
      <c r="R146" s="51">
        <v>0.44444444444444398</v>
      </c>
      <c r="S146" s="51">
        <v>0.45138888888888901</v>
      </c>
    </row>
    <row r="147" spans="1:20" ht="18.75" customHeight="1">
      <c r="A147" s="81"/>
      <c r="B147" s="81"/>
      <c r="C147" s="81"/>
      <c r="D147" s="81"/>
      <c r="E147" s="81"/>
      <c r="F147" s="74"/>
      <c r="G147" s="62" t="s">
        <v>18</v>
      </c>
      <c r="H147" s="9">
        <v>0.44791666666666702</v>
      </c>
      <c r="I147" s="9">
        <v>0.45486111111111099</v>
      </c>
      <c r="K147" s="80">
        <v>6</v>
      </c>
      <c r="L147" s="80" t="s">
        <v>19</v>
      </c>
      <c r="M147" s="80" t="s">
        <v>72</v>
      </c>
      <c r="N147" s="80" t="s">
        <v>15</v>
      </c>
      <c r="O147" s="80" t="s">
        <v>16</v>
      </c>
      <c r="P147" s="93">
        <v>0.46875</v>
      </c>
      <c r="Q147" s="62" t="s">
        <v>17</v>
      </c>
      <c r="R147" s="51">
        <v>0.44791666666666702</v>
      </c>
      <c r="S147" s="51">
        <v>0.45486111111111099</v>
      </c>
      <c r="T147" s="1" t="s">
        <v>97</v>
      </c>
    </row>
    <row r="148" spans="1:20" ht="18.75" customHeight="1">
      <c r="A148" s="82"/>
      <c r="B148" s="82"/>
      <c r="C148" s="82"/>
      <c r="D148" s="82"/>
      <c r="E148" s="82"/>
      <c r="F148" s="75"/>
      <c r="G148" s="8">
        <v>5</v>
      </c>
      <c r="H148" s="9">
        <v>0.45486111111111099</v>
      </c>
      <c r="I148" s="9">
        <v>0.46180555555555602</v>
      </c>
      <c r="K148" s="81"/>
      <c r="L148" s="81"/>
      <c r="M148" s="81"/>
      <c r="N148" s="81"/>
      <c r="O148" s="81"/>
      <c r="P148" s="94"/>
      <c r="Q148" s="62" t="s">
        <v>18</v>
      </c>
      <c r="R148" s="51">
        <v>0.45486111111111099</v>
      </c>
      <c r="S148" s="51">
        <v>0.46180555555555602</v>
      </c>
    </row>
    <row r="149" spans="1:20" ht="18.75" customHeight="1">
      <c r="A149" s="17">
        <v>6</v>
      </c>
      <c r="B149" s="17" t="s">
        <v>13</v>
      </c>
      <c r="C149" s="17" t="s">
        <v>71</v>
      </c>
      <c r="D149" s="17" t="s">
        <v>24</v>
      </c>
      <c r="E149" s="17"/>
      <c r="F149" s="18">
        <v>0.48263888888888901</v>
      </c>
      <c r="G149" s="17">
        <v>1</v>
      </c>
      <c r="H149" s="18">
        <v>0.46180555555555602</v>
      </c>
      <c r="I149" s="18">
        <v>0.46875</v>
      </c>
      <c r="K149" s="82"/>
      <c r="L149" s="82"/>
      <c r="M149" s="82"/>
      <c r="N149" s="82"/>
      <c r="O149" s="82"/>
      <c r="P149" s="95"/>
      <c r="Q149" s="8">
        <v>5</v>
      </c>
      <c r="R149" s="51">
        <v>0.46180555555555602</v>
      </c>
      <c r="S149" s="51">
        <v>0.46875</v>
      </c>
    </row>
    <row r="150" spans="1:20" ht="18.75" customHeight="1">
      <c r="A150" s="8">
        <v>7</v>
      </c>
      <c r="B150" s="8" t="s">
        <v>13</v>
      </c>
      <c r="C150" s="8" t="s">
        <v>72</v>
      </c>
      <c r="D150" s="8" t="s">
        <v>40</v>
      </c>
      <c r="E150" s="8" t="s">
        <v>41</v>
      </c>
      <c r="F150" s="9">
        <v>0.51041666666666696</v>
      </c>
      <c r="G150" s="62" t="s">
        <v>17</v>
      </c>
      <c r="H150" s="9">
        <v>0.48958333333333298</v>
      </c>
      <c r="I150" s="9">
        <v>0.49652777777777801</v>
      </c>
      <c r="K150" s="17"/>
      <c r="L150" s="17"/>
      <c r="M150" s="17"/>
      <c r="N150" s="17"/>
      <c r="O150" s="17"/>
      <c r="P150" s="48"/>
      <c r="Q150" s="17"/>
      <c r="R150" s="48"/>
      <c r="S150" s="48"/>
    </row>
    <row r="151" spans="1:20" ht="18.75" customHeight="1">
      <c r="A151" s="8">
        <v>8</v>
      </c>
      <c r="B151" s="8" t="s">
        <v>19</v>
      </c>
      <c r="C151" s="8" t="s">
        <v>72</v>
      </c>
      <c r="D151" s="8" t="s">
        <v>40</v>
      </c>
      <c r="E151" s="8" t="s">
        <v>41</v>
      </c>
      <c r="F151" s="9">
        <v>0.52083333333333304</v>
      </c>
      <c r="G151" s="62" t="s">
        <v>17</v>
      </c>
      <c r="H151" s="9">
        <v>0.5</v>
      </c>
      <c r="I151" s="9">
        <v>0.50694444444444398</v>
      </c>
      <c r="K151" s="8">
        <v>7</v>
      </c>
      <c r="L151" s="8" t="s">
        <v>13</v>
      </c>
      <c r="M151" s="8" t="s">
        <v>72</v>
      </c>
      <c r="N151" s="8" t="s">
        <v>40</v>
      </c>
      <c r="O151" s="8" t="s">
        <v>41</v>
      </c>
      <c r="P151" s="51">
        <v>0.51736111111111105</v>
      </c>
      <c r="Q151" s="62" t="s">
        <v>17</v>
      </c>
      <c r="R151" s="51">
        <v>0.49652777777777801</v>
      </c>
      <c r="S151" s="51">
        <v>0.50347222222222199</v>
      </c>
      <c r="T151" s="1" t="s">
        <v>98</v>
      </c>
    </row>
    <row r="152" spans="1:20" ht="18.75" customHeight="1">
      <c r="A152" s="17">
        <v>9</v>
      </c>
      <c r="B152" s="17" t="s">
        <v>19</v>
      </c>
      <c r="C152" s="17" t="s">
        <v>58</v>
      </c>
      <c r="D152" s="17" t="s">
        <v>24</v>
      </c>
      <c r="E152" s="17"/>
      <c r="F152" s="18">
        <v>0.53472222222222199</v>
      </c>
      <c r="G152" s="17">
        <v>1</v>
      </c>
      <c r="H152" s="18">
        <v>0.51388888888888895</v>
      </c>
      <c r="I152" s="18">
        <v>0.52083333333333304</v>
      </c>
      <c r="K152" s="8">
        <v>8</v>
      </c>
      <c r="L152" s="8" t="s">
        <v>19</v>
      </c>
      <c r="M152" s="8" t="s">
        <v>72</v>
      </c>
      <c r="N152" s="8" t="s">
        <v>40</v>
      </c>
      <c r="O152" s="8" t="s">
        <v>41</v>
      </c>
      <c r="P152" s="51">
        <v>0.52777777777777801</v>
      </c>
      <c r="Q152" s="62" t="s">
        <v>17</v>
      </c>
      <c r="R152" s="51">
        <v>0.50694444444444398</v>
      </c>
      <c r="S152" s="51">
        <v>0.51388888888888895</v>
      </c>
      <c r="T152" s="1" t="s">
        <v>99</v>
      </c>
    </row>
    <row r="153" spans="1:20" ht="18.75" customHeight="1">
      <c r="A153" s="8">
        <v>10</v>
      </c>
      <c r="B153" s="8" t="s">
        <v>13</v>
      </c>
      <c r="C153" s="8" t="s">
        <v>57</v>
      </c>
      <c r="D153" s="8" t="s">
        <v>24</v>
      </c>
      <c r="E153" s="8"/>
      <c r="F153" s="9">
        <v>0.55555555555555602</v>
      </c>
      <c r="G153" s="8">
        <v>1</v>
      </c>
      <c r="H153" s="9">
        <v>0.53472222222222199</v>
      </c>
      <c r="I153" s="9">
        <v>0.54166666666666696</v>
      </c>
      <c r="K153" s="17"/>
      <c r="L153" s="17"/>
      <c r="M153" s="17"/>
      <c r="N153" s="17"/>
      <c r="O153" s="17"/>
      <c r="P153" s="18"/>
      <c r="Q153" s="17"/>
      <c r="R153" s="18"/>
      <c r="S153" s="18"/>
    </row>
    <row r="154" spans="1:20" ht="18.75" customHeight="1">
      <c r="A154" s="8">
        <v>11</v>
      </c>
      <c r="B154" s="8" t="s">
        <v>19</v>
      </c>
      <c r="C154" s="8" t="s">
        <v>57</v>
      </c>
      <c r="D154" s="8" t="s">
        <v>24</v>
      </c>
      <c r="E154" s="8"/>
      <c r="F154" s="9">
        <v>0.5625</v>
      </c>
      <c r="G154" s="8">
        <v>1</v>
      </c>
      <c r="H154" s="9">
        <v>0.54166666666666696</v>
      </c>
      <c r="I154" s="9">
        <v>0.54861111111111105</v>
      </c>
      <c r="K154" s="8">
        <v>9</v>
      </c>
      <c r="L154" s="8" t="s">
        <v>13</v>
      </c>
      <c r="M154" s="8" t="s">
        <v>57</v>
      </c>
      <c r="N154" s="8" t="s">
        <v>24</v>
      </c>
      <c r="O154" s="8"/>
      <c r="P154" s="9">
        <v>0.55555555555555602</v>
      </c>
      <c r="Q154" s="8">
        <v>1</v>
      </c>
      <c r="R154" s="9">
        <v>0.53472222222222199</v>
      </c>
      <c r="S154" s="9">
        <v>0.54166666666666696</v>
      </c>
      <c r="T154" s="1" t="s">
        <v>92</v>
      </c>
    </row>
    <row r="155" spans="1:20" ht="18.75" customHeight="1">
      <c r="A155" s="8">
        <v>12</v>
      </c>
      <c r="B155" s="8" t="s">
        <v>13</v>
      </c>
      <c r="C155" s="8" t="s">
        <v>72</v>
      </c>
      <c r="D155" s="8" t="s">
        <v>24</v>
      </c>
      <c r="E155" s="8"/>
      <c r="F155" s="9">
        <v>0.57986111111111105</v>
      </c>
      <c r="G155" s="8">
        <v>1</v>
      </c>
      <c r="H155" s="9">
        <v>0.55902777777777801</v>
      </c>
      <c r="I155" s="9">
        <v>0.56597222222222199</v>
      </c>
      <c r="K155" s="8">
        <v>10</v>
      </c>
      <c r="L155" s="8" t="s">
        <v>19</v>
      </c>
      <c r="M155" s="8" t="s">
        <v>57</v>
      </c>
      <c r="N155" s="8" t="s">
        <v>24</v>
      </c>
      <c r="O155" s="8"/>
      <c r="P155" s="9">
        <v>0.5625</v>
      </c>
      <c r="Q155" s="8">
        <v>1</v>
      </c>
      <c r="R155" s="9">
        <v>0.54166666666666696</v>
      </c>
      <c r="S155" s="9">
        <v>0.54861111111111105</v>
      </c>
      <c r="T155" s="1" t="s">
        <v>92</v>
      </c>
    </row>
    <row r="156" spans="1:20" ht="18.75" customHeight="1">
      <c r="A156" s="8">
        <v>13</v>
      </c>
      <c r="B156" s="8" t="s">
        <v>19</v>
      </c>
      <c r="C156" s="8" t="s">
        <v>72</v>
      </c>
      <c r="D156" s="8" t="s">
        <v>24</v>
      </c>
      <c r="E156" s="8"/>
      <c r="F156" s="9">
        <v>0.58680555555555602</v>
      </c>
      <c r="G156" s="8">
        <v>1</v>
      </c>
      <c r="H156" s="9">
        <v>0.56597222222222199</v>
      </c>
      <c r="I156" s="9">
        <v>0.57291666666666696</v>
      </c>
      <c r="K156" s="8">
        <v>11</v>
      </c>
      <c r="L156" s="8" t="s">
        <v>13</v>
      </c>
      <c r="M156" s="8" t="s">
        <v>72</v>
      </c>
      <c r="N156" s="8" t="s">
        <v>24</v>
      </c>
      <c r="O156" s="8"/>
      <c r="P156" s="51">
        <v>0.58680555555555602</v>
      </c>
      <c r="Q156" s="8">
        <v>1</v>
      </c>
      <c r="R156" s="51">
        <v>0.56597222222222199</v>
      </c>
      <c r="S156" s="51">
        <v>0.57291666666666696</v>
      </c>
      <c r="T156" s="1" t="s">
        <v>100</v>
      </c>
    </row>
    <row r="157" spans="1:20" ht="18.75" customHeight="1">
      <c r="A157" s="80">
        <v>14</v>
      </c>
      <c r="B157" s="80" t="s">
        <v>13</v>
      </c>
      <c r="C157" s="80" t="s">
        <v>73</v>
      </c>
      <c r="D157" s="80" t="s">
        <v>54</v>
      </c>
      <c r="E157" s="80" t="s">
        <v>39</v>
      </c>
      <c r="F157" s="73">
        <v>0.59722222222222199</v>
      </c>
      <c r="G157" s="8" t="s">
        <v>17</v>
      </c>
      <c r="H157" s="19" t="s">
        <v>46</v>
      </c>
      <c r="I157" s="9">
        <v>0.58333333333333304</v>
      </c>
      <c r="K157" s="8">
        <v>12</v>
      </c>
      <c r="L157" s="8" t="s">
        <v>19</v>
      </c>
      <c r="M157" s="8" t="s">
        <v>72</v>
      </c>
      <c r="N157" s="8" t="s">
        <v>24</v>
      </c>
      <c r="O157" s="8"/>
      <c r="P157" s="51">
        <v>0.59375</v>
      </c>
      <c r="Q157" s="8">
        <v>1</v>
      </c>
      <c r="R157" s="51">
        <v>0.57291666666666696</v>
      </c>
      <c r="S157" s="51">
        <v>0.57986111111111105</v>
      </c>
      <c r="T157" s="1" t="s">
        <v>101</v>
      </c>
    </row>
    <row r="158" spans="1:20" ht="18.75" customHeight="1">
      <c r="A158" s="82"/>
      <c r="B158" s="82"/>
      <c r="C158" s="82"/>
      <c r="D158" s="82"/>
      <c r="E158" s="82"/>
      <c r="F158" s="75"/>
      <c r="G158" s="8">
        <v>3</v>
      </c>
      <c r="H158" s="19" t="s">
        <v>46</v>
      </c>
      <c r="I158" s="9">
        <v>0.59027777777777801</v>
      </c>
      <c r="K158" s="80">
        <v>13</v>
      </c>
      <c r="L158" s="80" t="s">
        <v>13</v>
      </c>
      <c r="M158" s="80" t="s">
        <v>73</v>
      </c>
      <c r="N158" s="80" t="s">
        <v>54</v>
      </c>
      <c r="O158" s="80" t="s">
        <v>39</v>
      </c>
      <c r="P158" s="93">
        <v>0.60416666666666696</v>
      </c>
      <c r="Q158" s="8" t="s">
        <v>17</v>
      </c>
      <c r="R158" s="19" t="s">
        <v>46</v>
      </c>
      <c r="S158" s="51">
        <v>0.59027777777777801</v>
      </c>
    </row>
    <row r="159" spans="1:20" ht="18.75" customHeight="1">
      <c r="A159" s="8">
        <v>15</v>
      </c>
      <c r="B159" s="8" t="s">
        <v>13</v>
      </c>
      <c r="C159" s="8" t="s">
        <v>62</v>
      </c>
      <c r="D159" s="8" t="s">
        <v>24</v>
      </c>
      <c r="E159" s="8"/>
      <c r="F159" s="9">
        <v>0.61805555555555602</v>
      </c>
      <c r="G159" s="8">
        <v>1</v>
      </c>
      <c r="H159" s="9">
        <v>0.59722222222222199</v>
      </c>
      <c r="I159" s="9">
        <v>0.60416666666666696</v>
      </c>
      <c r="K159" s="82"/>
      <c r="L159" s="82"/>
      <c r="M159" s="82"/>
      <c r="N159" s="82"/>
      <c r="O159" s="82"/>
      <c r="P159" s="95"/>
      <c r="Q159" s="8">
        <v>3</v>
      </c>
      <c r="R159" s="19" t="s">
        <v>46</v>
      </c>
      <c r="S159" s="51">
        <v>0.59722222222222199</v>
      </c>
    </row>
    <row r="160" spans="1:20" ht="18.75" customHeight="1">
      <c r="A160" s="8">
        <v>16</v>
      </c>
      <c r="B160" s="8" t="s">
        <v>19</v>
      </c>
      <c r="C160" s="8" t="s">
        <v>62</v>
      </c>
      <c r="D160" s="8" t="s">
        <v>24</v>
      </c>
      <c r="E160" s="8"/>
      <c r="F160" s="9">
        <v>0.625</v>
      </c>
      <c r="G160" s="8">
        <v>1</v>
      </c>
      <c r="H160" s="9">
        <v>0.60416666666666696</v>
      </c>
      <c r="I160" s="9">
        <v>0.61111111111111105</v>
      </c>
      <c r="K160" s="8">
        <v>14</v>
      </c>
      <c r="L160" s="8" t="s">
        <v>13</v>
      </c>
      <c r="M160" s="8" t="s">
        <v>62</v>
      </c>
      <c r="N160" s="8" t="s">
        <v>24</v>
      </c>
      <c r="O160" s="8"/>
      <c r="P160" s="51">
        <v>0.625</v>
      </c>
      <c r="Q160" s="8">
        <v>1</v>
      </c>
      <c r="R160" s="51">
        <v>0.60416666666666696</v>
      </c>
      <c r="S160" s="51">
        <v>0.61111111111111105</v>
      </c>
      <c r="T160" s="1" t="s">
        <v>102</v>
      </c>
    </row>
    <row r="161" spans="1:20" ht="18.75" customHeight="1">
      <c r="A161" s="10"/>
      <c r="B161" s="10"/>
      <c r="C161" s="10"/>
      <c r="D161" s="10"/>
      <c r="E161" s="10"/>
      <c r="F161" s="11"/>
      <c r="G161" s="10"/>
      <c r="H161" s="11"/>
      <c r="I161" s="11"/>
      <c r="K161" s="8">
        <v>15</v>
      </c>
      <c r="L161" s="8" t="s">
        <v>19</v>
      </c>
      <c r="M161" s="8" t="s">
        <v>62</v>
      </c>
      <c r="N161" s="8" t="s">
        <v>24</v>
      </c>
      <c r="O161" s="8"/>
      <c r="P161" s="51">
        <v>0.63194444444444398</v>
      </c>
      <c r="Q161" s="8">
        <v>1</v>
      </c>
      <c r="R161" s="51">
        <v>0.61111111111111105</v>
      </c>
      <c r="S161" s="51">
        <v>0.61805555555555602</v>
      </c>
      <c r="T161" s="1" t="s">
        <v>102</v>
      </c>
    </row>
    <row r="162" spans="1:20" ht="18.75" customHeight="1">
      <c r="G162" s="11"/>
      <c r="Q162" s="11"/>
      <c r="R162" s="2" t="s">
        <v>93</v>
      </c>
    </row>
    <row r="163" spans="1:20" ht="18.75" customHeight="1">
      <c r="A163" s="1" t="s">
        <v>25</v>
      </c>
      <c r="K163" s="1" t="s">
        <v>25</v>
      </c>
    </row>
    <row r="164" spans="1:20" ht="18.75" customHeight="1">
      <c r="A164" s="4" t="s">
        <v>4</v>
      </c>
      <c r="B164" s="4" t="s">
        <v>5</v>
      </c>
      <c r="C164" s="4" t="s">
        <v>6</v>
      </c>
      <c r="D164" s="4" t="s">
        <v>7</v>
      </c>
      <c r="E164" s="4" t="s">
        <v>26</v>
      </c>
      <c r="F164" s="5" t="s">
        <v>9</v>
      </c>
      <c r="G164" s="4" t="s">
        <v>10</v>
      </c>
      <c r="H164" s="5" t="s">
        <v>11</v>
      </c>
      <c r="I164" s="5" t="s">
        <v>12</v>
      </c>
      <c r="K164" s="4" t="s">
        <v>4</v>
      </c>
      <c r="L164" s="4" t="s">
        <v>5</v>
      </c>
      <c r="M164" s="4" t="s">
        <v>6</v>
      </c>
      <c r="N164" s="4" t="s">
        <v>7</v>
      </c>
      <c r="O164" s="4" t="s">
        <v>26</v>
      </c>
      <c r="P164" s="5" t="s">
        <v>9</v>
      </c>
      <c r="Q164" s="4" t="s">
        <v>10</v>
      </c>
      <c r="R164" s="5" t="s">
        <v>11</v>
      </c>
      <c r="S164" s="5" t="s">
        <v>12</v>
      </c>
    </row>
    <row r="165" spans="1:20" ht="18.75" customHeight="1">
      <c r="A165" s="8">
        <v>1</v>
      </c>
      <c r="B165" s="8" t="s">
        <v>13</v>
      </c>
      <c r="C165" s="8" t="s">
        <v>74</v>
      </c>
      <c r="D165" s="8" t="s">
        <v>54</v>
      </c>
      <c r="E165" s="4" t="s">
        <v>49</v>
      </c>
      <c r="F165" s="9">
        <v>0.39583333333333298</v>
      </c>
      <c r="G165" s="8">
        <v>1</v>
      </c>
      <c r="H165" s="9">
        <v>0.36111111111111099</v>
      </c>
      <c r="I165" s="9">
        <v>0.36805555555555602</v>
      </c>
      <c r="K165" s="8">
        <v>1</v>
      </c>
      <c r="L165" s="8" t="s">
        <v>13</v>
      </c>
      <c r="M165" s="8" t="s">
        <v>74</v>
      </c>
      <c r="N165" s="8" t="s">
        <v>54</v>
      </c>
      <c r="O165" s="4" t="s">
        <v>49</v>
      </c>
      <c r="P165" s="9">
        <v>0.39583333333333298</v>
      </c>
      <c r="Q165" s="8">
        <v>1</v>
      </c>
      <c r="R165" s="9">
        <v>0.36111111111111099</v>
      </c>
      <c r="S165" s="9">
        <v>0.36805555555555602</v>
      </c>
    </row>
    <row r="166" spans="1:20" ht="18.75" customHeight="1">
      <c r="A166" s="8">
        <v>2</v>
      </c>
      <c r="B166" s="8" t="s">
        <v>13</v>
      </c>
      <c r="C166" s="8" t="s">
        <v>67</v>
      </c>
      <c r="D166" s="8" t="s">
        <v>24</v>
      </c>
      <c r="E166" s="4" t="s">
        <v>49</v>
      </c>
      <c r="F166" s="9">
        <v>0.51388888888888895</v>
      </c>
      <c r="G166" s="8">
        <v>1</v>
      </c>
      <c r="H166" s="9">
        <v>0.47916666666666702</v>
      </c>
      <c r="I166" s="9">
        <v>0.48611111111111099</v>
      </c>
      <c r="K166" s="8">
        <v>2</v>
      </c>
      <c r="L166" s="8" t="s">
        <v>13</v>
      </c>
      <c r="M166" s="8" t="s">
        <v>67</v>
      </c>
      <c r="N166" s="8" t="s">
        <v>24</v>
      </c>
      <c r="O166" s="4" t="s">
        <v>49</v>
      </c>
      <c r="P166" s="9">
        <v>0.51388888888888895</v>
      </c>
      <c r="Q166" s="8">
        <v>1</v>
      </c>
      <c r="R166" s="9">
        <v>0.47916666666666702</v>
      </c>
      <c r="S166" s="9">
        <v>0.48611111111111099</v>
      </c>
    </row>
    <row r="167" spans="1:20" ht="18.75" customHeight="1">
      <c r="A167" s="20"/>
      <c r="B167" s="20"/>
      <c r="C167" s="20"/>
      <c r="D167" s="20"/>
      <c r="E167" s="21"/>
      <c r="F167" s="22"/>
      <c r="G167" s="20"/>
      <c r="H167" s="22"/>
      <c r="I167" s="22"/>
      <c r="K167" s="20"/>
      <c r="L167" s="20"/>
      <c r="M167" s="20"/>
      <c r="N167" s="20"/>
      <c r="O167" s="21"/>
      <c r="P167" s="22"/>
      <c r="Q167" s="20"/>
      <c r="R167" s="22"/>
      <c r="S167" s="22"/>
    </row>
    <row r="168" spans="1:20" ht="18.75" customHeight="1">
      <c r="A168" s="1" t="s">
        <v>31</v>
      </c>
      <c r="B168" s="13"/>
      <c r="C168" s="13"/>
      <c r="D168" s="13"/>
      <c r="E168" s="14"/>
      <c r="F168" s="15"/>
      <c r="G168" s="13"/>
      <c r="H168" s="15"/>
      <c r="I168" s="15"/>
      <c r="K168" s="1" t="s">
        <v>31</v>
      </c>
      <c r="L168" s="13"/>
      <c r="M168" s="13"/>
      <c r="N168" s="13"/>
      <c r="O168" s="14"/>
      <c r="P168" s="15"/>
      <c r="Q168" s="13"/>
      <c r="R168" s="15"/>
      <c r="S168" s="15"/>
    </row>
    <row r="169" spans="1:20" ht="18.75" customHeight="1">
      <c r="A169" s="8">
        <v>1</v>
      </c>
      <c r="B169" s="8" t="s">
        <v>19</v>
      </c>
      <c r="C169" s="8" t="s">
        <v>75</v>
      </c>
      <c r="D169" s="8" t="s">
        <v>24</v>
      </c>
      <c r="E169" s="4" t="s">
        <v>33</v>
      </c>
      <c r="F169" s="9">
        <v>0.39236111111111099</v>
      </c>
      <c r="G169" s="8">
        <v>1</v>
      </c>
      <c r="H169" s="9">
        <v>0.35763888888888901</v>
      </c>
      <c r="I169" s="9">
        <v>0.36458333333333298</v>
      </c>
      <c r="K169" s="8">
        <v>1</v>
      </c>
      <c r="L169" s="8" t="s">
        <v>19</v>
      </c>
      <c r="M169" s="8" t="s">
        <v>75</v>
      </c>
      <c r="N169" s="8" t="s">
        <v>24</v>
      </c>
      <c r="O169" s="4" t="s">
        <v>33</v>
      </c>
      <c r="P169" s="9">
        <v>0.39236111111111099</v>
      </c>
      <c r="Q169" s="8">
        <v>1</v>
      </c>
      <c r="R169" s="9">
        <v>0.35763888888888901</v>
      </c>
      <c r="S169" s="9">
        <v>0.36458333333333298</v>
      </c>
    </row>
    <row r="170" spans="1:20" ht="18.75" customHeight="1">
      <c r="A170" s="8">
        <v>2</v>
      </c>
      <c r="B170" s="8" t="s">
        <v>13</v>
      </c>
      <c r="C170" s="8" t="s">
        <v>76</v>
      </c>
      <c r="D170" s="8" t="s">
        <v>54</v>
      </c>
      <c r="E170" s="4" t="s">
        <v>33</v>
      </c>
      <c r="F170" s="9">
        <v>0.48958333333333298</v>
      </c>
      <c r="G170" s="8">
        <v>1</v>
      </c>
      <c r="H170" s="19" t="s">
        <v>46</v>
      </c>
      <c r="I170" s="9">
        <v>0.46180555555555602</v>
      </c>
      <c r="K170" s="8">
        <v>2</v>
      </c>
      <c r="L170" s="8" t="s">
        <v>13</v>
      </c>
      <c r="M170" s="8" t="s">
        <v>76</v>
      </c>
      <c r="N170" s="8" t="s">
        <v>54</v>
      </c>
      <c r="O170" s="4" t="s">
        <v>33</v>
      </c>
      <c r="P170" s="9">
        <v>0.48958333333333298</v>
      </c>
      <c r="Q170" s="8">
        <v>1</v>
      </c>
      <c r="R170" s="19" t="s">
        <v>46</v>
      </c>
      <c r="S170" s="9">
        <v>0.46180555555555602</v>
      </c>
    </row>
    <row r="171" spans="1:20" ht="15" customHeight="1">
      <c r="A171" s="8">
        <v>3</v>
      </c>
      <c r="B171" s="8" t="s">
        <v>13</v>
      </c>
      <c r="C171" s="8" t="s">
        <v>75</v>
      </c>
      <c r="D171" s="8" t="s">
        <v>24</v>
      </c>
      <c r="E171" s="4" t="s">
        <v>33</v>
      </c>
      <c r="F171" s="9">
        <v>0.55208333333333304</v>
      </c>
      <c r="G171" s="8">
        <v>1</v>
      </c>
      <c r="H171" s="9">
        <v>0.51736111111111105</v>
      </c>
      <c r="I171" s="9">
        <v>0.52430555555555602</v>
      </c>
      <c r="K171" s="8">
        <v>3</v>
      </c>
      <c r="L171" s="8" t="s">
        <v>13</v>
      </c>
      <c r="M171" s="8" t="s">
        <v>75</v>
      </c>
      <c r="N171" s="8" t="s">
        <v>24</v>
      </c>
      <c r="O171" s="4" t="s">
        <v>33</v>
      </c>
      <c r="P171" s="9">
        <v>0.55208333333333304</v>
      </c>
      <c r="Q171" s="8">
        <v>1</v>
      </c>
      <c r="R171" s="9">
        <v>0.51736111111111105</v>
      </c>
      <c r="S171" s="9">
        <v>0.52430555555555602</v>
      </c>
    </row>
  </sheetData>
  <mergeCells count="312">
    <mergeCell ref="A1:I1"/>
    <mergeCell ref="K1:S1"/>
    <mergeCell ref="A2:I2"/>
    <mergeCell ref="K2:S2"/>
    <mergeCell ref="A3:I3"/>
    <mergeCell ref="K3:S3"/>
    <mergeCell ref="A33:I33"/>
    <mergeCell ref="K33:S33"/>
    <mergeCell ref="A81:I81"/>
    <mergeCell ref="K81:S81"/>
    <mergeCell ref="L6:L8"/>
    <mergeCell ref="L9:L11"/>
    <mergeCell ref="L12:L13"/>
    <mergeCell ref="L14:L15"/>
    <mergeCell ref="L16:L18"/>
    <mergeCell ref="L19:L21"/>
    <mergeCell ref="L36:L37"/>
    <mergeCell ref="L40:L42"/>
    <mergeCell ref="L43:L45"/>
    <mergeCell ref="L57:L59"/>
    <mergeCell ref="L60:L62"/>
    <mergeCell ref="L63:L64"/>
    <mergeCell ref="P57:P59"/>
    <mergeCell ref="P60:P62"/>
    <mergeCell ref="A137:I137"/>
    <mergeCell ref="K137:S137"/>
    <mergeCell ref="A6:A8"/>
    <mergeCell ref="A9:A11"/>
    <mergeCell ref="A12:A13"/>
    <mergeCell ref="A14:A15"/>
    <mergeCell ref="A16:A18"/>
    <mergeCell ref="A19:A21"/>
    <mergeCell ref="A36:A37"/>
    <mergeCell ref="A40:A42"/>
    <mergeCell ref="A43:A45"/>
    <mergeCell ref="A57:A59"/>
    <mergeCell ref="A60:A62"/>
    <mergeCell ref="A63:A64"/>
    <mergeCell ref="A84:A85"/>
    <mergeCell ref="A86:A87"/>
    <mergeCell ref="A88:A90"/>
    <mergeCell ref="A91:A93"/>
    <mergeCell ref="A94:A96"/>
    <mergeCell ref="A97:A99"/>
    <mergeCell ref="A111:A112"/>
    <mergeCell ref="A113:A114"/>
    <mergeCell ref="A116:A118"/>
    <mergeCell ref="A119:A121"/>
    <mergeCell ref="A143:A145"/>
    <mergeCell ref="A146:A148"/>
    <mergeCell ref="A157:A158"/>
    <mergeCell ref="B6:B8"/>
    <mergeCell ref="B9:B11"/>
    <mergeCell ref="B12:B13"/>
    <mergeCell ref="B14:B15"/>
    <mergeCell ref="B16:B18"/>
    <mergeCell ref="B19:B21"/>
    <mergeCell ref="B36:B37"/>
    <mergeCell ref="B40:B42"/>
    <mergeCell ref="B43:B45"/>
    <mergeCell ref="B57:B59"/>
    <mergeCell ref="B60:B62"/>
    <mergeCell ref="B63:B64"/>
    <mergeCell ref="B84:B85"/>
    <mergeCell ref="B86:B87"/>
    <mergeCell ref="B88:B90"/>
    <mergeCell ref="B91:B93"/>
    <mergeCell ref="B94:B96"/>
    <mergeCell ref="B97:B99"/>
    <mergeCell ref="B111:B112"/>
    <mergeCell ref="B113:B114"/>
    <mergeCell ref="B116:B118"/>
    <mergeCell ref="B119:B121"/>
    <mergeCell ref="B143:B145"/>
    <mergeCell ref="B146:B148"/>
    <mergeCell ref="B157:B158"/>
    <mergeCell ref="C6:C8"/>
    <mergeCell ref="C9:C11"/>
    <mergeCell ref="C12:C13"/>
    <mergeCell ref="C14:C15"/>
    <mergeCell ref="C16:C18"/>
    <mergeCell ref="C19:C21"/>
    <mergeCell ref="C36:C37"/>
    <mergeCell ref="C40:C42"/>
    <mergeCell ref="C43:C45"/>
    <mergeCell ref="C57:C59"/>
    <mergeCell ref="C60:C62"/>
    <mergeCell ref="C63:C64"/>
    <mergeCell ref="C84:C85"/>
    <mergeCell ref="C86:C87"/>
    <mergeCell ref="C88:C90"/>
    <mergeCell ref="C91:C93"/>
    <mergeCell ref="C94:C96"/>
    <mergeCell ref="C97:C99"/>
    <mergeCell ref="C111:C112"/>
    <mergeCell ref="C113:C114"/>
    <mergeCell ref="C116:C118"/>
    <mergeCell ref="C119:C121"/>
    <mergeCell ref="C143:C145"/>
    <mergeCell ref="C146:C148"/>
    <mergeCell ref="C157:C158"/>
    <mergeCell ref="D6:D8"/>
    <mergeCell ref="D9:D11"/>
    <mergeCell ref="D12:D13"/>
    <mergeCell ref="D14:D15"/>
    <mergeCell ref="D16:D18"/>
    <mergeCell ref="D19:D21"/>
    <mergeCell ref="D36:D37"/>
    <mergeCell ref="D40:D42"/>
    <mergeCell ref="D43:D45"/>
    <mergeCell ref="D57:D59"/>
    <mergeCell ref="D60:D62"/>
    <mergeCell ref="D63:D64"/>
    <mergeCell ref="D84:D85"/>
    <mergeCell ref="D86:D87"/>
    <mergeCell ref="D88:D90"/>
    <mergeCell ref="D91:D93"/>
    <mergeCell ref="D94:D96"/>
    <mergeCell ref="D97:D99"/>
    <mergeCell ref="D111:D112"/>
    <mergeCell ref="D113:D114"/>
    <mergeCell ref="D116:D118"/>
    <mergeCell ref="D119:D121"/>
    <mergeCell ref="D143:D145"/>
    <mergeCell ref="D146:D148"/>
    <mergeCell ref="D157:D158"/>
    <mergeCell ref="E6:E8"/>
    <mergeCell ref="E9:E11"/>
    <mergeCell ref="E12:E13"/>
    <mergeCell ref="E14:E15"/>
    <mergeCell ref="E16:E18"/>
    <mergeCell ref="E19:E21"/>
    <mergeCell ref="E36:E37"/>
    <mergeCell ref="E40:E42"/>
    <mergeCell ref="E43:E45"/>
    <mergeCell ref="E57:E59"/>
    <mergeCell ref="E60:E62"/>
    <mergeCell ref="E63:E64"/>
    <mergeCell ref="E84:E85"/>
    <mergeCell ref="E86:E87"/>
    <mergeCell ref="E88:E90"/>
    <mergeCell ref="E91:E93"/>
    <mergeCell ref="E94:E96"/>
    <mergeCell ref="E97:E99"/>
    <mergeCell ref="E111:E112"/>
    <mergeCell ref="E113:E114"/>
    <mergeCell ref="E116:E118"/>
    <mergeCell ref="E119:E121"/>
    <mergeCell ref="E143:E145"/>
    <mergeCell ref="E146:E148"/>
    <mergeCell ref="E157:E158"/>
    <mergeCell ref="F6:F8"/>
    <mergeCell ref="F9:F11"/>
    <mergeCell ref="F12:F13"/>
    <mergeCell ref="F14:F15"/>
    <mergeCell ref="F16:F18"/>
    <mergeCell ref="F19:F21"/>
    <mergeCell ref="F36:F37"/>
    <mergeCell ref="F40:F42"/>
    <mergeCell ref="F43:F45"/>
    <mergeCell ref="F57:F59"/>
    <mergeCell ref="F60:F62"/>
    <mergeCell ref="F63:F64"/>
    <mergeCell ref="F84:F85"/>
    <mergeCell ref="F86:F87"/>
    <mergeCell ref="F88:F90"/>
    <mergeCell ref="F91:F93"/>
    <mergeCell ref="F94:F96"/>
    <mergeCell ref="F97:F99"/>
    <mergeCell ref="F111:F112"/>
    <mergeCell ref="F113:F114"/>
    <mergeCell ref="F116:F118"/>
    <mergeCell ref="F119:F121"/>
    <mergeCell ref="F143:F145"/>
    <mergeCell ref="F146:F148"/>
    <mergeCell ref="F157:F158"/>
    <mergeCell ref="K6:K8"/>
    <mergeCell ref="K9:K11"/>
    <mergeCell ref="K12:K13"/>
    <mergeCell ref="K14:K15"/>
    <mergeCell ref="K16:K18"/>
    <mergeCell ref="K19:K21"/>
    <mergeCell ref="K36:K37"/>
    <mergeCell ref="K40:K42"/>
    <mergeCell ref="K43:K45"/>
    <mergeCell ref="K57:K59"/>
    <mergeCell ref="K60:K62"/>
    <mergeCell ref="K63:K64"/>
    <mergeCell ref="K84:K85"/>
    <mergeCell ref="K86:K87"/>
    <mergeCell ref="K88:K90"/>
    <mergeCell ref="K91:K93"/>
    <mergeCell ref="K94:K96"/>
    <mergeCell ref="K97:K99"/>
    <mergeCell ref="K111:K112"/>
    <mergeCell ref="K113:K114"/>
    <mergeCell ref="K116:K118"/>
    <mergeCell ref="K119:K121"/>
    <mergeCell ref="K144:K146"/>
    <mergeCell ref="K147:K149"/>
    <mergeCell ref="K158:K159"/>
    <mergeCell ref="L84:L85"/>
    <mergeCell ref="L86:L87"/>
    <mergeCell ref="L88:L90"/>
    <mergeCell ref="L91:L93"/>
    <mergeCell ref="L94:L96"/>
    <mergeCell ref="L97:L99"/>
    <mergeCell ref="L111:L112"/>
    <mergeCell ref="L113:L114"/>
    <mergeCell ref="L116:L118"/>
    <mergeCell ref="L119:L121"/>
    <mergeCell ref="L144:L146"/>
    <mergeCell ref="L147:L149"/>
    <mergeCell ref="L158:L159"/>
    <mergeCell ref="M6:M8"/>
    <mergeCell ref="M9:M11"/>
    <mergeCell ref="M12:M13"/>
    <mergeCell ref="M14:M15"/>
    <mergeCell ref="M16:M18"/>
    <mergeCell ref="M19:M21"/>
    <mergeCell ref="M36:M37"/>
    <mergeCell ref="M40:M42"/>
    <mergeCell ref="M43:M45"/>
    <mergeCell ref="M57:M59"/>
    <mergeCell ref="M60:M62"/>
    <mergeCell ref="M63:M64"/>
    <mergeCell ref="M84:M85"/>
    <mergeCell ref="M86:M87"/>
    <mergeCell ref="M88:M90"/>
    <mergeCell ref="M91:M93"/>
    <mergeCell ref="M94:M96"/>
    <mergeCell ref="M97:M99"/>
    <mergeCell ref="M111:M112"/>
    <mergeCell ref="M113:M114"/>
    <mergeCell ref="M116:M118"/>
    <mergeCell ref="M119:M121"/>
    <mergeCell ref="M144:M146"/>
    <mergeCell ref="M147:M149"/>
    <mergeCell ref="M158:M159"/>
    <mergeCell ref="N6:N8"/>
    <mergeCell ref="N9:N11"/>
    <mergeCell ref="N12:N13"/>
    <mergeCell ref="N14:N15"/>
    <mergeCell ref="N16:N18"/>
    <mergeCell ref="N19:N21"/>
    <mergeCell ref="N36:N37"/>
    <mergeCell ref="N40:N42"/>
    <mergeCell ref="N43:N45"/>
    <mergeCell ref="N57:N59"/>
    <mergeCell ref="N60:N62"/>
    <mergeCell ref="N63:N64"/>
    <mergeCell ref="N84:N85"/>
    <mergeCell ref="N86:N87"/>
    <mergeCell ref="N88:N90"/>
    <mergeCell ref="N91:N93"/>
    <mergeCell ref="N94:N96"/>
    <mergeCell ref="N97:N99"/>
    <mergeCell ref="N111:N112"/>
    <mergeCell ref="N116:N118"/>
    <mergeCell ref="N119:N121"/>
    <mergeCell ref="N144:N146"/>
    <mergeCell ref="N147:N149"/>
    <mergeCell ref="N158:N159"/>
    <mergeCell ref="O6:O8"/>
    <mergeCell ref="O9:O11"/>
    <mergeCell ref="O12:O13"/>
    <mergeCell ref="O14:O15"/>
    <mergeCell ref="O16:O18"/>
    <mergeCell ref="O19:O21"/>
    <mergeCell ref="O36:O37"/>
    <mergeCell ref="O40:O42"/>
    <mergeCell ref="O43:O45"/>
    <mergeCell ref="O57:O59"/>
    <mergeCell ref="O60:O62"/>
    <mergeCell ref="O63:O64"/>
    <mergeCell ref="O84:O85"/>
    <mergeCell ref="O86:O87"/>
    <mergeCell ref="O88:O90"/>
    <mergeCell ref="O91:O93"/>
    <mergeCell ref="O94:O96"/>
    <mergeCell ref="O97:O99"/>
    <mergeCell ref="P63:P64"/>
    <mergeCell ref="P84:P85"/>
    <mergeCell ref="P86:P87"/>
    <mergeCell ref="P88:P90"/>
    <mergeCell ref="P91:P93"/>
    <mergeCell ref="P94:P96"/>
    <mergeCell ref="N113:N114"/>
    <mergeCell ref="P6:P8"/>
    <mergeCell ref="P9:P11"/>
    <mergeCell ref="P12:P13"/>
    <mergeCell ref="P14:P15"/>
    <mergeCell ref="P16:P18"/>
    <mergeCell ref="P19:P21"/>
    <mergeCell ref="P36:P37"/>
    <mergeCell ref="P40:P42"/>
    <mergeCell ref="P43:P45"/>
    <mergeCell ref="P97:P99"/>
    <mergeCell ref="P111:P112"/>
    <mergeCell ref="P113:P114"/>
    <mergeCell ref="P116:P118"/>
    <mergeCell ref="P119:P121"/>
    <mergeCell ref="P144:P146"/>
    <mergeCell ref="P147:P149"/>
    <mergeCell ref="P158:P159"/>
    <mergeCell ref="O111:O112"/>
    <mergeCell ref="O113:O114"/>
    <mergeCell ref="O116:O118"/>
    <mergeCell ref="O119:O121"/>
    <mergeCell ref="O144:O146"/>
    <mergeCell ref="O147:O149"/>
    <mergeCell ref="O158:O159"/>
  </mergeCells>
  <phoneticPr fontId="18"/>
  <printOptions horizontalCentered="1"/>
  <pageMargins left="0.59055118110236204" right="0.39370078740157499" top="0.55118110236220497" bottom="0.35433070866141703" header="0.31496062992126" footer="0.31496062992126"/>
  <pageSetup paperSize="12" scale="78" orientation="landscape" cellComments="asDisplayed" r:id="rId1"/>
  <rowBreaks count="3" manualBreakCount="3">
    <brk id="32" max="21" man="1"/>
    <brk id="80" max="21" man="1"/>
    <brk id="136" max="21" man="1"/>
  </rowBreaks>
  <drawing r:id="rId2"/>
  <legacyDrawing r:id="rId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F27"/>
  <sheetViews>
    <sheetView workbookViewId="0">
      <selection activeCell="E12" sqref="E12"/>
    </sheetView>
  </sheetViews>
  <sheetFormatPr defaultColWidth="9" defaultRowHeight="13.5"/>
  <cols>
    <col min="2" max="2" width="20" customWidth="1"/>
    <col min="3" max="3" width="16.125" customWidth="1"/>
    <col min="4" max="4" width="15" customWidth="1"/>
    <col min="5" max="5" width="32.375" customWidth="1"/>
    <col min="6" max="6" width="35.25" customWidth="1"/>
  </cols>
  <sheetData>
    <row r="1" spans="1:6" ht="21.75" customHeight="1">
      <c r="A1" s="27" t="s">
        <v>103</v>
      </c>
    </row>
    <row r="2" spans="1:6" ht="13.5" customHeight="1"/>
    <row r="3" spans="1:6" s="26" customFormat="1" ht="21.75" customHeight="1">
      <c r="A3" s="27" t="s">
        <v>104</v>
      </c>
    </row>
    <row r="4" spans="1:6" s="26" customFormat="1" ht="21.75" customHeight="1">
      <c r="A4" s="27" t="s">
        <v>105</v>
      </c>
    </row>
    <row r="5" spans="1:6" s="26" customFormat="1" ht="21.75" customHeight="1">
      <c r="A5" s="27" t="s">
        <v>106</v>
      </c>
    </row>
    <row r="6" spans="1:6" s="26" customFormat="1" ht="21.75" customHeight="1">
      <c r="A6" s="28" t="s">
        <v>107</v>
      </c>
    </row>
    <row r="7" spans="1:6" ht="15" customHeight="1"/>
    <row r="8" spans="1:6" ht="21.75" customHeight="1">
      <c r="A8" s="27" t="s">
        <v>108</v>
      </c>
    </row>
    <row r="9" spans="1:6" ht="21.75" customHeight="1">
      <c r="A9" s="28" t="s">
        <v>109</v>
      </c>
    </row>
    <row r="10" spans="1:6" ht="15" customHeight="1"/>
    <row r="11" spans="1:6" ht="21.75" customHeight="1">
      <c r="A11" s="27" t="s">
        <v>110</v>
      </c>
    </row>
    <row r="12" spans="1:6" ht="21.75" customHeight="1">
      <c r="A12" s="28" t="s">
        <v>111</v>
      </c>
    </row>
    <row r="13" spans="1:6" ht="21.75" customHeight="1">
      <c r="A13" s="28" t="s">
        <v>112</v>
      </c>
    </row>
    <row r="14" spans="1:6" ht="15" customHeight="1"/>
    <row r="15" spans="1:6" ht="26.25" customHeight="1">
      <c r="A15" s="27" t="s">
        <v>113</v>
      </c>
    </row>
    <row r="16" spans="1:6" ht="26.25" customHeight="1">
      <c r="A16" s="29"/>
      <c r="B16" s="30" t="s">
        <v>6</v>
      </c>
      <c r="C16" s="31" t="s">
        <v>114</v>
      </c>
      <c r="D16" s="30" t="s">
        <v>115</v>
      </c>
      <c r="E16" s="31" t="s">
        <v>116</v>
      </c>
      <c r="F16" s="32" t="s">
        <v>117</v>
      </c>
    </row>
    <row r="17" spans="1:6" ht="37.5" customHeight="1">
      <c r="A17" s="31" t="s">
        <v>118</v>
      </c>
      <c r="B17" s="33" t="s">
        <v>119</v>
      </c>
      <c r="C17" s="34" t="s">
        <v>120</v>
      </c>
      <c r="D17" s="33" t="s">
        <v>121</v>
      </c>
      <c r="E17" s="98" t="s">
        <v>122</v>
      </c>
      <c r="F17" s="100"/>
    </row>
    <row r="18" spans="1:6" ht="37.5" customHeight="1">
      <c r="A18" s="35" t="s">
        <v>123</v>
      </c>
      <c r="B18" s="36" t="s">
        <v>124</v>
      </c>
      <c r="C18" s="64" t="s">
        <v>125</v>
      </c>
      <c r="D18" s="65" t="s">
        <v>126</v>
      </c>
      <c r="E18" s="99"/>
      <c r="F18" s="101"/>
    </row>
    <row r="19" spans="1:6" ht="38.1" customHeight="1">
      <c r="A19" s="31" t="s">
        <v>127</v>
      </c>
      <c r="B19" s="38" t="s">
        <v>128</v>
      </c>
      <c r="C19" s="64" t="s">
        <v>129</v>
      </c>
      <c r="D19" s="66" t="s">
        <v>130</v>
      </c>
      <c r="E19" s="39"/>
      <c r="F19" s="40"/>
    </row>
    <row r="20" spans="1:6" ht="37.5" customHeight="1">
      <c r="A20" s="96" t="s">
        <v>131</v>
      </c>
      <c r="B20" s="41" t="s">
        <v>119</v>
      </c>
      <c r="C20" s="34" t="s">
        <v>120</v>
      </c>
      <c r="D20" s="33" t="s">
        <v>132</v>
      </c>
      <c r="E20" s="42"/>
      <c r="F20" s="43"/>
    </row>
    <row r="21" spans="1:6" ht="37.5" customHeight="1">
      <c r="A21" s="96"/>
      <c r="B21" s="36" t="s">
        <v>133</v>
      </c>
      <c r="C21" s="67" t="s">
        <v>134</v>
      </c>
      <c r="D21" s="37">
        <v>0.4375</v>
      </c>
      <c r="E21" s="42"/>
      <c r="F21" s="40"/>
    </row>
    <row r="22" spans="1:6" ht="37.5" customHeight="1">
      <c r="A22" s="97"/>
      <c r="B22" s="44" t="s">
        <v>135</v>
      </c>
      <c r="C22" s="68" t="s">
        <v>136</v>
      </c>
      <c r="D22" s="45">
        <v>0.42013888888888901</v>
      </c>
      <c r="E22" s="46"/>
      <c r="F22" s="47"/>
    </row>
    <row r="23" spans="1:6" ht="15" customHeight="1"/>
    <row r="24" spans="1:6" ht="21.75" customHeight="1">
      <c r="A24" s="27" t="s">
        <v>137</v>
      </c>
    </row>
    <row r="25" spans="1:6" ht="21.75" customHeight="1">
      <c r="A25" s="28" t="s">
        <v>138</v>
      </c>
    </row>
    <row r="26" spans="1:6" ht="21.75" customHeight="1">
      <c r="A26" s="28" t="s">
        <v>139</v>
      </c>
    </row>
    <row r="27" spans="1:6" ht="21.75" customHeight="1">
      <c r="A27" s="28" t="s">
        <v>140</v>
      </c>
    </row>
  </sheetData>
  <mergeCells count="3">
    <mergeCell ref="A20:A22"/>
    <mergeCell ref="E17:E18"/>
    <mergeCell ref="F17:F18"/>
  </mergeCells>
  <phoneticPr fontId="18"/>
  <printOptions horizontalCentered="1"/>
  <pageMargins left="0.70866141732283505" right="0.70866141732283505" top="0.74803149606299202" bottom="0.74803149606299202" header="0.31496062992126" footer="0.31496062992126"/>
  <pageSetup paperSize="12" orientation="landscape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L167"/>
  <sheetViews>
    <sheetView view="pageBreakPreview" zoomScaleNormal="100" workbookViewId="0">
      <selection activeCell="H13" sqref="H13"/>
    </sheetView>
  </sheetViews>
  <sheetFormatPr defaultColWidth="9" defaultRowHeight="15" customHeight="1"/>
  <cols>
    <col min="1" max="1" width="4.875" style="1" customWidth="1"/>
    <col min="2" max="2" width="5.25" style="1" customWidth="1"/>
    <col min="3" max="3" width="16.875" style="1" customWidth="1"/>
    <col min="4" max="4" width="6.25" style="1" customWidth="1"/>
    <col min="5" max="5" width="13.5" style="1" customWidth="1"/>
    <col min="6" max="6" width="10.75" style="1" customWidth="1"/>
    <col min="7" max="7" width="7.25" style="2" customWidth="1"/>
    <col min="8" max="9" width="10.75" style="2" customWidth="1"/>
    <col min="10" max="11" width="9" style="1"/>
    <col min="12" max="12" width="9.5" style="1" customWidth="1"/>
    <col min="13" max="16384" width="9" style="1"/>
  </cols>
  <sheetData>
    <row r="1" spans="1:9" ht="18.75" customHeight="1">
      <c r="A1" s="92" t="s">
        <v>77</v>
      </c>
      <c r="B1" s="92"/>
      <c r="C1" s="92"/>
      <c r="D1" s="92"/>
      <c r="E1" s="92"/>
      <c r="F1" s="92"/>
      <c r="G1" s="92"/>
      <c r="H1" s="92"/>
      <c r="I1" s="92"/>
    </row>
    <row r="2" spans="1:9" ht="18.75" customHeight="1">
      <c r="A2" s="92" t="s">
        <v>141</v>
      </c>
      <c r="B2" s="92"/>
      <c r="C2" s="92"/>
      <c r="D2" s="92"/>
      <c r="E2" s="92"/>
      <c r="F2" s="92"/>
      <c r="G2" s="92"/>
      <c r="H2" s="92"/>
      <c r="I2" s="92"/>
    </row>
    <row r="3" spans="1:9" ht="27" customHeight="1">
      <c r="A3" s="92" t="s">
        <v>2</v>
      </c>
      <c r="B3" s="92"/>
      <c r="C3" s="92"/>
      <c r="D3" s="92"/>
      <c r="E3" s="92"/>
      <c r="F3" s="92"/>
      <c r="G3" s="92"/>
      <c r="H3" s="92"/>
      <c r="I3" s="92"/>
    </row>
    <row r="4" spans="1:9" ht="15" customHeight="1">
      <c r="A4" s="1" t="s">
        <v>3</v>
      </c>
      <c r="C4" s="3"/>
      <c r="D4" s="3"/>
      <c r="E4" s="3"/>
      <c r="F4" s="3"/>
      <c r="G4" s="3"/>
      <c r="H4" s="3"/>
      <c r="I4" s="3"/>
    </row>
    <row r="5" spans="1:9" ht="18.75" customHeight="1">
      <c r="A5" s="4" t="s">
        <v>4</v>
      </c>
      <c r="B5" s="4" t="s">
        <v>5</v>
      </c>
      <c r="C5" s="4" t="s">
        <v>6</v>
      </c>
      <c r="D5" s="4" t="s">
        <v>7</v>
      </c>
      <c r="E5" s="4" t="s">
        <v>8</v>
      </c>
      <c r="F5" s="5" t="s">
        <v>9</v>
      </c>
      <c r="G5" s="4" t="s">
        <v>10</v>
      </c>
      <c r="H5" s="5" t="s">
        <v>11</v>
      </c>
      <c r="I5" s="5" t="s">
        <v>12</v>
      </c>
    </row>
    <row r="6" spans="1:9" ht="18.75" customHeight="1">
      <c r="A6" s="80">
        <v>1</v>
      </c>
      <c r="B6" s="80" t="s">
        <v>13</v>
      </c>
      <c r="C6" s="80" t="s">
        <v>14</v>
      </c>
      <c r="D6" s="80" t="s">
        <v>15</v>
      </c>
      <c r="E6" s="90" t="s">
        <v>16</v>
      </c>
      <c r="F6" s="73">
        <v>0.58680555555555602</v>
      </c>
      <c r="G6" s="62" t="s">
        <v>17</v>
      </c>
      <c r="H6" s="9">
        <v>0.56597222222222199</v>
      </c>
      <c r="I6" s="9">
        <v>0.57291666666666696</v>
      </c>
    </row>
    <row r="7" spans="1:9" ht="18.75" customHeight="1">
      <c r="A7" s="81"/>
      <c r="B7" s="81"/>
      <c r="C7" s="81"/>
      <c r="D7" s="81"/>
      <c r="E7" s="81"/>
      <c r="F7" s="74"/>
      <c r="G7" s="62" t="s">
        <v>18</v>
      </c>
      <c r="H7" s="9">
        <v>0.57291666666666696</v>
      </c>
      <c r="I7" s="9">
        <v>0.57986111111111105</v>
      </c>
    </row>
    <row r="8" spans="1:9" ht="18.75" customHeight="1">
      <c r="A8" s="82"/>
      <c r="B8" s="82"/>
      <c r="C8" s="82"/>
      <c r="D8" s="82"/>
      <c r="E8" s="82"/>
      <c r="F8" s="75"/>
      <c r="G8" s="8">
        <v>5</v>
      </c>
      <c r="H8" s="9">
        <v>0.57986111111111105</v>
      </c>
      <c r="I8" s="9">
        <v>0.58680555555555602</v>
      </c>
    </row>
    <row r="9" spans="1:9" ht="18.75" customHeight="1">
      <c r="A9" s="80">
        <v>2</v>
      </c>
      <c r="B9" s="80" t="s">
        <v>19</v>
      </c>
      <c r="C9" s="80" t="s">
        <v>14</v>
      </c>
      <c r="D9" s="80" t="s">
        <v>15</v>
      </c>
      <c r="E9" s="90" t="s">
        <v>16</v>
      </c>
      <c r="F9" s="73">
        <v>0.60763888888888895</v>
      </c>
      <c r="G9" s="62" t="s">
        <v>17</v>
      </c>
      <c r="H9" s="9">
        <v>0.58680555555555602</v>
      </c>
      <c r="I9" s="9">
        <v>0.59375</v>
      </c>
    </row>
    <row r="10" spans="1:9" ht="18.75" customHeight="1">
      <c r="A10" s="81"/>
      <c r="B10" s="81"/>
      <c r="C10" s="81"/>
      <c r="D10" s="81"/>
      <c r="E10" s="81"/>
      <c r="F10" s="74"/>
      <c r="G10" s="62" t="s">
        <v>18</v>
      </c>
      <c r="H10" s="9">
        <v>0.59375</v>
      </c>
      <c r="I10" s="9">
        <v>0.60069444444444398</v>
      </c>
    </row>
    <row r="11" spans="1:9" ht="18.75" customHeight="1">
      <c r="A11" s="82"/>
      <c r="B11" s="82"/>
      <c r="C11" s="82"/>
      <c r="D11" s="82"/>
      <c r="E11" s="82"/>
      <c r="F11" s="75"/>
      <c r="G11" s="8">
        <v>5</v>
      </c>
      <c r="H11" s="9">
        <v>0.60069444444444398</v>
      </c>
      <c r="I11" s="9">
        <v>0.60763888888888895</v>
      </c>
    </row>
    <row r="12" spans="1:9" ht="18.75" customHeight="1">
      <c r="A12" s="80">
        <v>3</v>
      </c>
      <c r="B12" s="80" t="s">
        <v>13</v>
      </c>
      <c r="C12" s="80" t="s">
        <v>20</v>
      </c>
      <c r="D12" s="80" t="s">
        <v>15</v>
      </c>
      <c r="E12" s="90" t="s">
        <v>21</v>
      </c>
      <c r="F12" s="73">
        <v>0.62847222222222199</v>
      </c>
      <c r="G12" s="8">
        <v>1</v>
      </c>
      <c r="H12" s="9">
        <v>0.60763888888888895</v>
      </c>
      <c r="I12" s="9">
        <v>0.61458333333333304</v>
      </c>
    </row>
    <row r="13" spans="1:9" ht="18.75" customHeight="1">
      <c r="A13" s="82"/>
      <c r="B13" s="82"/>
      <c r="C13" s="82"/>
      <c r="D13" s="82"/>
      <c r="E13" s="82"/>
      <c r="F13" s="75"/>
      <c r="G13" s="8">
        <v>2</v>
      </c>
      <c r="H13" s="9">
        <v>0.61458333333333304</v>
      </c>
      <c r="I13" s="9">
        <v>0.62152777777777801</v>
      </c>
    </row>
    <row r="14" spans="1:9" ht="18.75" customHeight="1">
      <c r="A14" s="80">
        <v>4</v>
      </c>
      <c r="B14" s="80" t="s">
        <v>19</v>
      </c>
      <c r="C14" s="80" t="s">
        <v>20</v>
      </c>
      <c r="D14" s="80" t="s">
        <v>15</v>
      </c>
      <c r="E14" s="90" t="s">
        <v>21</v>
      </c>
      <c r="F14" s="73">
        <v>0.64236111111111105</v>
      </c>
      <c r="G14" s="8">
        <v>1</v>
      </c>
      <c r="H14" s="9">
        <v>0.62152777777777801</v>
      </c>
      <c r="I14" s="9">
        <v>0.62847222222222199</v>
      </c>
    </row>
    <row r="15" spans="1:9" ht="18.75" customHeight="1">
      <c r="A15" s="82"/>
      <c r="B15" s="82"/>
      <c r="C15" s="82"/>
      <c r="D15" s="82"/>
      <c r="E15" s="82"/>
      <c r="F15" s="75"/>
      <c r="G15" s="8">
        <v>2</v>
      </c>
      <c r="H15" s="9">
        <v>0.62847222222222199</v>
      </c>
      <c r="I15" s="9">
        <v>0.63541666666666696</v>
      </c>
    </row>
    <row r="16" spans="1:9" ht="18.75" customHeight="1">
      <c r="A16" s="80">
        <v>5</v>
      </c>
      <c r="B16" s="80" t="s">
        <v>13</v>
      </c>
      <c r="C16" s="80" t="s">
        <v>22</v>
      </c>
      <c r="D16" s="80" t="s">
        <v>15</v>
      </c>
      <c r="E16" s="90" t="s">
        <v>16</v>
      </c>
      <c r="F16" s="73">
        <v>0.65972222222222199</v>
      </c>
      <c r="G16" s="62" t="s">
        <v>17</v>
      </c>
      <c r="H16" s="9">
        <v>0.63888888888888895</v>
      </c>
      <c r="I16" s="9">
        <v>0.64583333333333304</v>
      </c>
    </row>
    <row r="17" spans="1:9" ht="18.75" customHeight="1">
      <c r="A17" s="81"/>
      <c r="B17" s="81"/>
      <c r="C17" s="81"/>
      <c r="D17" s="81"/>
      <c r="E17" s="81"/>
      <c r="F17" s="74"/>
      <c r="G17" s="62" t="s">
        <v>18</v>
      </c>
      <c r="H17" s="9">
        <v>0.64583333333333304</v>
      </c>
      <c r="I17" s="9">
        <v>0.65277777777777801</v>
      </c>
    </row>
    <row r="18" spans="1:9" ht="18.75" customHeight="1">
      <c r="A18" s="82"/>
      <c r="B18" s="82"/>
      <c r="C18" s="82"/>
      <c r="D18" s="82"/>
      <c r="E18" s="82"/>
      <c r="F18" s="75"/>
      <c r="G18" s="8">
        <v>5</v>
      </c>
      <c r="H18" s="9">
        <v>0.65277777777777801</v>
      </c>
      <c r="I18" s="9">
        <v>0.65972222222222199</v>
      </c>
    </row>
    <row r="19" spans="1:9" ht="18.75" customHeight="1">
      <c r="A19" s="83">
        <v>6</v>
      </c>
      <c r="B19" s="83" t="s">
        <v>19</v>
      </c>
      <c r="C19" s="83" t="s">
        <v>22</v>
      </c>
      <c r="D19" s="83" t="s">
        <v>15</v>
      </c>
      <c r="E19" s="91" t="s">
        <v>16</v>
      </c>
      <c r="F19" s="73">
        <v>0.68055555555555602</v>
      </c>
      <c r="G19" s="62" t="s">
        <v>17</v>
      </c>
      <c r="H19" s="9">
        <v>0.65972222222222199</v>
      </c>
      <c r="I19" s="9">
        <v>0.66666666666666696</v>
      </c>
    </row>
    <row r="20" spans="1:9" ht="18.75" customHeight="1">
      <c r="A20" s="83"/>
      <c r="B20" s="83"/>
      <c r="C20" s="83"/>
      <c r="D20" s="83"/>
      <c r="E20" s="83"/>
      <c r="F20" s="74"/>
      <c r="G20" s="62" t="s">
        <v>18</v>
      </c>
      <c r="H20" s="9">
        <v>0.66666666666666696</v>
      </c>
      <c r="I20" s="9">
        <v>0.67361111111111105</v>
      </c>
    </row>
    <row r="21" spans="1:9" ht="18.75" customHeight="1">
      <c r="A21" s="83"/>
      <c r="B21" s="83"/>
      <c r="C21" s="83"/>
      <c r="D21" s="83"/>
      <c r="E21" s="83"/>
      <c r="F21" s="75"/>
      <c r="G21" s="8">
        <v>5</v>
      </c>
      <c r="H21" s="9">
        <v>0.67361111111111105</v>
      </c>
      <c r="I21" s="9">
        <v>0.68055555555555503</v>
      </c>
    </row>
    <row r="22" spans="1:9" ht="18.75" customHeight="1">
      <c r="A22" s="10"/>
      <c r="B22" s="10"/>
      <c r="C22" s="10"/>
      <c r="D22" s="10"/>
      <c r="E22" s="10"/>
      <c r="F22" s="11"/>
      <c r="G22" s="10"/>
      <c r="H22" s="11"/>
      <c r="I22" s="11"/>
    </row>
    <row r="23" spans="1:9" ht="18.75" customHeight="1">
      <c r="A23" s="1" t="s">
        <v>25</v>
      </c>
      <c r="F23" s="2"/>
      <c r="G23" s="1"/>
    </row>
    <row r="24" spans="1:9" ht="18.75" customHeight="1">
      <c r="A24" s="4" t="s">
        <v>4</v>
      </c>
      <c r="B24" s="4" t="s">
        <v>5</v>
      </c>
      <c r="C24" s="4" t="s">
        <v>6</v>
      </c>
      <c r="D24" s="4" t="s">
        <v>7</v>
      </c>
      <c r="E24" s="4" t="s">
        <v>26</v>
      </c>
      <c r="F24" s="5" t="s">
        <v>9</v>
      </c>
      <c r="G24" s="4" t="s">
        <v>10</v>
      </c>
      <c r="H24" s="5" t="s">
        <v>11</v>
      </c>
      <c r="I24" s="5" t="s">
        <v>12</v>
      </c>
    </row>
    <row r="25" spans="1:9" ht="18.75" customHeight="1">
      <c r="A25" s="8">
        <v>1</v>
      </c>
      <c r="B25" s="8" t="s">
        <v>13</v>
      </c>
      <c r="C25" s="8" t="s">
        <v>27</v>
      </c>
      <c r="D25" s="8" t="s">
        <v>24</v>
      </c>
      <c r="E25" s="8" t="s">
        <v>28</v>
      </c>
      <c r="F25" s="9">
        <v>0.58333333333333304</v>
      </c>
      <c r="G25" s="8">
        <v>1</v>
      </c>
      <c r="H25" s="9">
        <v>0.52777777777777801</v>
      </c>
      <c r="I25" s="9">
        <v>0.53472222222222199</v>
      </c>
    </row>
    <row r="26" spans="1:9" ht="18.75" customHeight="1">
      <c r="A26" s="8">
        <v>2</v>
      </c>
      <c r="B26" s="8" t="s">
        <v>19</v>
      </c>
      <c r="C26" s="8" t="s">
        <v>29</v>
      </c>
      <c r="D26" s="8" t="s">
        <v>24</v>
      </c>
      <c r="E26" s="4" t="s">
        <v>49</v>
      </c>
      <c r="F26" s="9">
        <v>0.59375</v>
      </c>
      <c r="G26" s="8">
        <v>1</v>
      </c>
      <c r="H26" s="9">
        <v>0.55902777777777801</v>
      </c>
      <c r="I26" s="9">
        <v>0.56597222222222199</v>
      </c>
    </row>
    <row r="27" spans="1:9" ht="18.75" customHeight="1">
      <c r="A27" s="10"/>
      <c r="B27" s="10"/>
      <c r="C27" s="10"/>
      <c r="D27" s="10"/>
      <c r="E27" s="12"/>
      <c r="F27" s="11"/>
      <c r="G27" s="10"/>
      <c r="H27" s="11"/>
      <c r="I27" s="11"/>
    </row>
    <row r="28" spans="1:9" ht="18.75" customHeight="1">
      <c r="A28" s="1" t="s">
        <v>31</v>
      </c>
      <c r="B28" s="13"/>
      <c r="C28" s="13"/>
      <c r="D28" s="13"/>
      <c r="E28" s="14"/>
      <c r="F28" s="15"/>
      <c r="G28" s="13"/>
      <c r="H28" s="15"/>
      <c r="I28" s="15"/>
    </row>
    <row r="29" spans="1:9" ht="18.75" customHeight="1">
      <c r="A29" s="8">
        <v>1</v>
      </c>
      <c r="B29" s="8" t="s">
        <v>19</v>
      </c>
      <c r="C29" s="8" t="s">
        <v>32</v>
      </c>
      <c r="D29" s="8" t="s">
        <v>24</v>
      </c>
      <c r="E29" s="4" t="s">
        <v>33</v>
      </c>
      <c r="F29" s="9">
        <v>0.59027777777777801</v>
      </c>
      <c r="G29" s="8">
        <v>1</v>
      </c>
      <c r="H29" s="9">
        <v>0.55555555555555602</v>
      </c>
      <c r="I29" s="9">
        <v>0.5625</v>
      </c>
    </row>
    <row r="30" spans="1:9" ht="18.75" customHeight="1">
      <c r="A30" s="8">
        <v>2</v>
      </c>
      <c r="B30" s="8" t="s">
        <v>13</v>
      </c>
      <c r="C30" s="8" t="s">
        <v>34</v>
      </c>
      <c r="D30" s="8" t="s">
        <v>24</v>
      </c>
      <c r="E30" s="4" t="s">
        <v>35</v>
      </c>
      <c r="F30" s="9">
        <v>0.60763888888888895</v>
      </c>
      <c r="G30" s="8">
        <v>1</v>
      </c>
      <c r="H30" s="9">
        <v>0.57291666666666696</v>
      </c>
      <c r="I30" s="9">
        <v>0.57986111111111105</v>
      </c>
    </row>
    <row r="31" spans="1:9" ht="15" customHeight="1">
      <c r="A31" s="16"/>
      <c r="B31" s="10"/>
      <c r="C31" s="10"/>
      <c r="D31" s="10"/>
      <c r="E31" s="10"/>
      <c r="F31" s="10"/>
      <c r="G31" s="11"/>
      <c r="H31" s="11"/>
      <c r="I31" s="11"/>
    </row>
    <row r="32" spans="1:9" ht="27" customHeight="1">
      <c r="A32" s="92" t="s">
        <v>36</v>
      </c>
      <c r="B32" s="92"/>
      <c r="C32" s="92"/>
      <c r="D32" s="92"/>
      <c r="E32" s="92"/>
      <c r="F32" s="92"/>
      <c r="G32" s="92"/>
      <c r="H32" s="92"/>
      <c r="I32" s="92"/>
    </row>
    <row r="33" spans="1:9" ht="15" customHeight="1">
      <c r="A33" s="1" t="s">
        <v>3</v>
      </c>
      <c r="C33" s="3"/>
      <c r="D33" s="3"/>
      <c r="E33" s="3"/>
      <c r="F33" s="3"/>
      <c r="G33" s="3"/>
      <c r="H33" s="3"/>
      <c r="I33" s="3"/>
    </row>
    <row r="34" spans="1:9" ht="18.75" customHeight="1">
      <c r="A34" s="4" t="s">
        <v>4</v>
      </c>
      <c r="B34" s="4" t="s">
        <v>5</v>
      </c>
      <c r="C34" s="4" t="s">
        <v>6</v>
      </c>
      <c r="D34" s="4" t="s">
        <v>7</v>
      </c>
      <c r="E34" s="4" t="s">
        <v>8</v>
      </c>
      <c r="F34" s="5" t="s">
        <v>9</v>
      </c>
      <c r="G34" s="4" t="s">
        <v>10</v>
      </c>
      <c r="H34" s="5" t="s">
        <v>11</v>
      </c>
      <c r="I34" s="5" t="s">
        <v>12</v>
      </c>
    </row>
    <row r="35" spans="1:9" ht="18.75" customHeight="1">
      <c r="A35" s="80">
        <v>1</v>
      </c>
      <c r="B35" s="80" t="s">
        <v>19</v>
      </c>
      <c r="C35" s="80" t="s">
        <v>37</v>
      </c>
      <c r="D35" s="80" t="s">
        <v>38</v>
      </c>
      <c r="E35" s="80" t="s">
        <v>39</v>
      </c>
      <c r="F35" s="73">
        <v>0.38888888888888901</v>
      </c>
      <c r="G35" s="8" t="s">
        <v>17</v>
      </c>
      <c r="H35" s="9">
        <v>0.36805555555555602</v>
      </c>
      <c r="I35" s="9">
        <v>0.375</v>
      </c>
    </row>
    <row r="36" spans="1:9" ht="18.75" customHeight="1">
      <c r="A36" s="82"/>
      <c r="B36" s="82"/>
      <c r="C36" s="82"/>
      <c r="D36" s="82"/>
      <c r="E36" s="82"/>
      <c r="F36" s="75"/>
      <c r="G36" s="8">
        <v>3</v>
      </c>
      <c r="H36" s="9">
        <v>0.375</v>
      </c>
      <c r="I36" s="9">
        <v>0.38194444444444398</v>
      </c>
    </row>
    <row r="37" spans="1:9" ht="18.75" customHeight="1">
      <c r="A37" s="6">
        <v>2</v>
      </c>
      <c r="B37" s="6" t="s">
        <v>13</v>
      </c>
      <c r="C37" s="6" t="s">
        <v>14</v>
      </c>
      <c r="D37" s="6" t="s">
        <v>40</v>
      </c>
      <c r="E37" s="6" t="s">
        <v>41</v>
      </c>
      <c r="F37" s="7">
        <v>0.40277777777777801</v>
      </c>
      <c r="G37" s="8" t="s">
        <v>17</v>
      </c>
      <c r="H37" s="9">
        <v>0.38194444444444398</v>
      </c>
      <c r="I37" s="9">
        <v>0.38888888888888901</v>
      </c>
    </row>
    <row r="38" spans="1:9" ht="18.75" customHeight="1">
      <c r="A38" s="6">
        <v>3</v>
      </c>
      <c r="B38" s="6" t="s">
        <v>19</v>
      </c>
      <c r="C38" s="6" t="s">
        <v>14</v>
      </c>
      <c r="D38" s="6" t="s">
        <v>40</v>
      </c>
      <c r="E38" s="6" t="s">
        <v>41</v>
      </c>
      <c r="F38" s="7">
        <v>0.41319444444444398</v>
      </c>
      <c r="G38" s="8" t="s">
        <v>17</v>
      </c>
      <c r="H38" s="9">
        <v>0.39236111111111099</v>
      </c>
      <c r="I38" s="9">
        <v>0.39930555555555602</v>
      </c>
    </row>
    <row r="39" spans="1:9" ht="18.75" customHeight="1">
      <c r="A39" s="80">
        <v>4</v>
      </c>
      <c r="B39" s="80" t="s">
        <v>13</v>
      </c>
      <c r="C39" s="80" t="s">
        <v>42</v>
      </c>
      <c r="D39" s="80" t="s">
        <v>15</v>
      </c>
      <c r="E39" s="80" t="s">
        <v>16</v>
      </c>
      <c r="F39" s="73">
        <v>0.42708333333333298</v>
      </c>
      <c r="G39" s="62" t="s">
        <v>17</v>
      </c>
      <c r="H39" s="9">
        <v>0.40625</v>
      </c>
      <c r="I39" s="9">
        <v>0.41319444444444398</v>
      </c>
    </row>
    <row r="40" spans="1:9" ht="18.75" customHeight="1">
      <c r="A40" s="81"/>
      <c r="B40" s="81"/>
      <c r="C40" s="81"/>
      <c r="D40" s="81"/>
      <c r="E40" s="81"/>
      <c r="F40" s="74"/>
      <c r="G40" s="62" t="s">
        <v>18</v>
      </c>
      <c r="H40" s="9">
        <v>0.41319444444444398</v>
      </c>
      <c r="I40" s="9">
        <v>0.42013888888888901</v>
      </c>
    </row>
    <row r="41" spans="1:9" ht="18.75" customHeight="1">
      <c r="A41" s="82"/>
      <c r="B41" s="82"/>
      <c r="C41" s="82"/>
      <c r="D41" s="82"/>
      <c r="E41" s="82"/>
      <c r="F41" s="75"/>
      <c r="G41" s="8">
        <v>5</v>
      </c>
      <c r="H41" s="9">
        <v>0.42013888888888901</v>
      </c>
      <c r="I41" s="9">
        <v>0.42708333333333298</v>
      </c>
    </row>
    <row r="42" spans="1:9" ht="18.75" customHeight="1">
      <c r="A42" s="80">
        <v>5</v>
      </c>
      <c r="B42" s="80" t="s">
        <v>19</v>
      </c>
      <c r="C42" s="80" t="s">
        <v>43</v>
      </c>
      <c r="D42" s="80" t="s">
        <v>15</v>
      </c>
      <c r="E42" s="80" t="s">
        <v>16</v>
      </c>
      <c r="F42" s="73">
        <v>0.44444444444444398</v>
      </c>
      <c r="G42" s="62" t="s">
        <v>17</v>
      </c>
      <c r="H42" s="9">
        <v>0.42361111111111099</v>
      </c>
      <c r="I42" s="9">
        <v>0.43055555555555602</v>
      </c>
    </row>
    <row r="43" spans="1:9" ht="18.75" customHeight="1">
      <c r="A43" s="81"/>
      <c r="B43" s="81"/>
      <c r="C43" s="81"/>
      <c r="D43" s="81"/>
      <c r="E43" s="81"/>
      <c r="F43" s="74"/>
      <c r="G43" s="62" t="s">
        <v>18</v>
      </c>
      <c r="H43" s="9">
        <v>0.43055555555555602</v>
      </c>
      <c r="I43" s="9">
        <v>0.4375</v>
      </c>
    </row>
    <row r="44" spans="1:9" ht="18.75" customHeight="1">
      <c r="A44" s="82"/>
      <c r="B44" s="82"/>
      <c r="C44" s="82"/>
      <c r="D44" s="82"/>
      <c r="E44" s="82"/>
      <c r="F44" s="75"/>
      <c r="G44" s="8">
        <v>5</v>
      </c>
      <c r="H44" s="9">
        <v>0.4375</v>
      </c>
      <c r="I44" s="9">
        <v>0.44444444444444398</v>
      </c>
    </row>
    <row r="45" spans="1:9" ht="18.75" customHeight="1">
      <c r="A45" s="6">
        <v>6</v>
      </c>
      <c r="B45" s="6" t="s">
        <v>13</v>
      </c>
      <c r="C45" s="6" t="s">
        <v>22</v>
      </c>
      <c r="D45" s="6" t="s">
        <v>40</v>
      </c>
      <c r="E45" s="6" t="s">
        <v>41</v>
      </c>
      <c r="F45" s="7">
        <v>0.46527777777777801</v>
      </c>
      <c r="G45" s="62" t="s">
        <v>17</v>
      </c>
      <c r="H45" s="9">
        <v>0.44444444444444398</v>
      </c>
      <c r="I45" s="9">
        <v>0.45138888888888901</v>
      </c>
    </row>
    <row r="46" spans="1:9" ht="18.75" customHeight="1">
      <c r="A46" s="6">
        <v>7</v>
      </c>
      <c r="B46" s="6" t="s">
        <v>19</v>
      </c>
      <c r="C46" s="6" t="s">
        <v>22</v>
      </c>
      <c r="D46" s="6" t="s">
        <v>40</v>
      </c>
      <c r="E46" s="6" t="s">
        <v>41</v>
      </c>
      <c r="F46" s="7">
        <v>0.47222222222222199</v>
      </c>
      <c r="G46" s="62" t="s">
        <v>17</v>
      </c>
      <c r="H46" s="9">
        <v>0.45138888888888901</v>
      </c>
      <c r="I46" s="9">
        <v>0.45833333333333298</v>
      </c>
    </row>
    <row r="47" spans="1:9" ht="18.75" customHeight="1">
      <c r="A47" s="6">
        <v>8</v>
      </c>
      <c r="B47" s="6" t="s">
        <v>13</v>
      </c>
      <c r="C47" s="6" t="s">
        <v>42</v>
      </c>
      <c r="D47" s="6" t="s">
        <v>40</v>
      </c>
      <c r="E47" s="6" t="s">
        <v>41</v>
      </c>
      <c r="F47" s="7">
        <v>0.49305555555555602</v>
      </c>
      <c r="G47" s="62" t="s">
        <v>17</v>
      </c>
      <c r="H47" s="9">
        <v>0.47222222222222199</v>
      </c>
      <c r="I47" s="9">
        <v>0.47916666666666702</v>
      </c>
    </row>
    <row r="48" spans="1:9" ht="18.75" customHeight="1">
      <c r="A48" s="6">
        <v>9</v>
      </c>
      <c r="B48" s="6" t="s">
        <v>19</v>
      </c>
      <c r="C48" s="6" t="s">
        <v>43</v>
      </c>
      <c r="D48" s="6" t="s">
        <v>40</v>
      </c>
      <c r="E48" s="6" t="s">
        <v>41</v>
      </c>
      <c r="F48" s="7">
        <v>0.50694444444444398</v>
      </c>
      <c r="G48" s="62" t="s">
        <v>17</v>
      </c>
      <c r="H48" s="9">
        <v>0.48611111111111099</v>
      </c>
      <c r="I48" s="9">
        <v>0.49305555555555602</v>
      </c>
    </row>
    <row r="49" spans="1:9" ht="18.75" customHeight="1">
      <c r="A49" s="8">
        <v>10</v>
      </c>
      <c r="B49" s="8" t="s">
        <v>13</v>
      </c>
      <c r="C49" s="8" t="s">
        <v>20</v>
      </c>
      <c r="D49" s="8" t="s">
        <v>24</v>
      </c>
      <c r="E49" s="8"/>
      <c r="F49" s="9">
        <v>0.52430555555555602</v>
      </c>
      <c r="G49" s="8">
        <v>1</v>
      </c>
      <c r="H49" s="9">
        <v>0.50347222222222199</v>
      </c>
      <c r="I49" s="9">
        <v>0.51041666666666696</v>
      </c>
    </row>
    <row r="50" spans="1:9" ht="18.75" customHeight="1">
      <c r="A50" s="8">
        <v>11</v>
      </c>
      <c r="B50" s="8" t="s">
        <v>19</v>
      </c>
      <c r="C50" s="8" t="s">
        <v>20</v>
      </c>
      <c r="D50" s="8" t="s">
        <v>24</v>
      </c>
      <c r="E50" s="8"/>
      <c r="F50" s="9">
        <v>0.53125</v>
      </c>
      <c r="G50" s="8">
        <v>1</v>
      </c>
      <c r="H50" s="9">
        <v>0.51041666666666696</v>
      </c>
      <c r="I50" s="9">
        <v>0.51736111111111105</v>
      </c>
    </row>
    <row r="51" spans="1:9" ht="18.75" customHeight="1">
      <c r="A51" s="8">
        <v>12</v>
      </c>
      <c r="B51" s="8" t="s">
        <v>13</v>
      </c>
      <c r="C51" s="8" t="s">
        <v>22</v>
      </c>
      <c r="D51" s="8" t="s">
        <v>24</v>
      </c>
      <c r="E51" s="8"/>
      <c r="F51" s="9">
        <v>0.54166666666666696</v>
      </c>
      <c r="G51" s="8">
        <v>1</v>
      </c>
      <c r="H51" s="9">
        <v>0.52083333333333304</v>
      </c>
      <c r="I51" s="9">
        <v>0.52777777777777801</v>
      </c>
    </row>
    <row r="52" spans="1:9" ht="18.75" customHeight="1">
      <c r="A52" s="8">
        <v>13</v>
      </c>
      <c r="B52" s="8" t="s">
        <v>19</v>
      </c>
      <c r="C52" s="8" t="s">
        <v>22</v>
      </c>
      <c r="D52" s="8" t="s">
        <v>24</v>
      </c>
      <c r="E52" s="8"/>
      <c r="F52" s="9">
        <v>0.54861111111111105</v>
      </c>
      <c r="G52" s="8">
        <v>1</v>
      </c>
      <c r="H52" s="9">
        <v>0.52777777777777801</v>
      </c>
      <c r="I52" s="9">
        <v>0.53472222222222199</v>
      </c>
    </row>
    <row r="53" spans="1:9" ht="18.75" customHeight="1">
      <c r="A53" s="8">
        <v>14</v>
      </c>
      <c r="B53" s="8" t="s">
        <v>13</v>
      </c>
      <c r="C53" s="8" t="s">
        <v>42</v>
      </c>
      <c r="D53" s="8" t="s">
        <v>24</v>
      </c>
      <c r="E53" s="8"/>
      <c r="F53" s="9">
        <v>0.56944444444444398</v>
      </c>
      <c r="G53" s="8">
        <v>1</v>
      </c>
      <c r="H53" s="9">
        <v>0.54861111111111105</v>
      </c>
      <c r="I53" s="9">
        <v>0.55555555555555602</v>
      </c>
    </row>
    <row r="54" spans="1:9" ht="18.75" customHeight="1">
      <c r="A54" s="8">
        <v>15</v>
      </c>
      <c r="B54" s="8" t="s">
        <v>19</v>
      </c>
      <c r="C54" s="8" t="s">
        <v>43</v>
      </c>
      <c r="D54" s="8" t="s">
        <v>24</v>
      </c>
      <c r="E54" s="8"/>
      <c r="F54" s="9">
        <v>0.57638888888888895</v>
      </c>
      <c r="G54" s="8">
        <v>1</v>
      </c>
      <c r="H54" s="9">
        <v>0.55555555555555602</v>
      </c>
      <c r="I54" s="9">
        <v>0.5625</v>
      </c>
    </row>
    <row r="55" spans="1:9" ht="18.75" customHeight="1">
      <c r="A55" s="17">
        <v>16</v>
      </c>
      <c r="B55" s="17" t="s">
        <v>13</v>
      </c>
      <c r="C55" s="17" t="s">
        <v>23</v>
      </c>
      <c r="D55" s="17" t="s">
        <v>24</v>
      </c>
      <c r="E55" s="17"/>
      <c r="F55" s="18">
        <v>0.58680555555555503</v>
      </c>
      <c r="G55" s="17">
        <v>1</v>
      </c>
      <c r="H55" s="18">
        <v>0.56597222222222199</v>
      </c>
      <c r="I55" s="18">
        <v>0.57291666666666696</v>
      </c>
    </row>
    <row r="56" spans="1:9" ht="18.75" customHeight="1">
      <c r="A56" s="80">
        <v>17</v>
      </c>
      <c r="B56" s="80" t="s">
        <v>13</v>
      </c>
      <c r="C56" s="80" t="s">
        <v>44</v>
      </c>
      <c r="D56" s="80" t="s">
        <v>15</v>
      </c>
      <c r="E56" s="80" t="s">
        <v>16</v>
      </c>
      <c r="F56" s="73">
        <v>0.61805555555555503</v>
      </c>
      <c r="G56" s="62" t="s">
        <v>17</v>
      </c>
      <c r="H56" s="9">
        <v>0.59722222222222199</v>
      </c>
      <c r="I56" s="9">
        <v>0.60416666666666696</v>
      </c>
    </row>
    <row r="57" spans="1:9" ht="18.75" customHeight="1">
      <c r="A57" s="81"/>
      <c r="B57" s="81"/>
      <c r="C57" s="81"/>
      <c r="D57" s="81"/>
      <c r="E57" s="81"/>
      <c r="F57" s="74"/>
      <c r="G57" s="62" t="s">
        <v>18</v>
      </c>
      <c r="H57" s="9">
        <v>0.60416666666666696</v>
      </c>
      <c r="I57" s="9">
        <v>0.61111111111111105</v>
      </c>
    </row>
    <row r="58" spans="1:9" ht="18.75" customHeight="1">
      <c r="A58" s="82"/>
      <c r="B58" s="82"/>
      <c r="C58" s="82"/>
      <c r="D58" s="82"/>
      <c r="E58" s="82"/>
      <c r="F58" s="75"/>
      <c r="G58" s="8">
        <v>5</v>
      </c>
      <c r="H58" s="9">
        <v>0.61111111111111105</v>
      </c>
      <c r="I58" s="9">
        <v>0.61805555555555602</v>
      </c>
    </row>
    <row r="59" spans="1:9" ht="18.75" customHeight="1">
      <c r="A59" s="80">
        <v>18</v>
      </c>
      <c r="B59" s="80" t="s">
        <v>19</v>
      </c>
      <c r="C59" s="80" t="s">
        <v>44</v>
      </c>
      <c r="D59" s="80" t="s">
        <v>15</v>
      </c>
      <c r="E59" s="80" t="s">
        <v>16</v>
      </c>
      <c r="F59" s="73">
        <v>0.63888888888888895</v>
      </c>
      <c r="G59" s="62" t="s">
        <v>17</v>
      </c>
      <c r="H59" s="9">
        <v>0.61805555555555602</v>
      </c>
      <c r="I59" s="9">
        <v>0.625</v>
      </c>
    </row>
    <row r="60" spans="1:9" ht="18.75" customHeight="1">
      <c r="A60" s="81"/>
      <c r="B60" s="81"/>
      <c r="C60" s="81"/>
      <c r="D60" s="81"/>
      <c r="E60" s="81"/>
      <c r="F60" s="74"/>
      <c r="G60" s="62" t="s">
        <v>18</v>
      </c>
      <c r="H60" s="9">
        <v>0.625</v>
      </c>
      <c r="I60" s="9">
        <v>0.63194444444444398</v>
      </c>
    </row>
    <row r="61" spans="1:9" ht="18.75" customHeight="1">
      <c r="A61" s="82"/>
      <c r="B61" s="82"/>
      <c r="C61" s="82"/>
      <c r="D61" s="82"/>
      <c r="E61" s="82"/>
      <c r="F61" s="75"/>
      <c r="G61" s="8">
        <v>5</v>
      </c>
      <c r="H61" s="9">
        <v>0.63194444444444398</v>
      </c>
      <c r="I61" s="9">
        <v>0.63888888888888895</v>
      </c>
    </row>
    <row r="62" spans="1:9" ht="18.75" customHeight="1">
      <c r="A62" s="80">
        <v>20</v>
      </c>
      <c r="B62" s="80" t="s">
        <v>19</v>
      </c>
      <c r="C62" s="80" t="s">
        <v>45</v>
      </c>
      <c r="D62" s="80" t="s">
        <v>38</v>
      </c>
      <c r="E62" s="80" t="s">
        <v>39</v>
      </c>
      <c r="F62" s="73">
        <v>0.66666666666666696</v>
      </c>
      <c r="G62" s="8" t="s">
        <v>17</v>
      </c>
      <c r="H62" s="19" t="s">
        <v>46</v>
      </c>
      <c r="I62" s="9">
        <v>0.65277777777777801</v>
      </c>
    </row>
    <row r="63" spans="1:9" ht="18.75" customHeight="1">
      <c r="A63" s="82"/>
      <c r="B63" s="82"/>
      <c r="C63" s="82"/>
      <c r="D63" s="82"/>
      <c r="E63" s="82"/>
      <c r="F63" s="75"/>
      <c r="G63" s="8">
        <v>3</v>
      </c>
      <c r="H63" s="19" t="s">
        <v>46</v>
      </c>
      <c r="I63" s="9">
        <v>0.65972222222222199</v>
      </c>
    </row>
    <row r="64" spans="1:9" ht="18.75" customHeight="1">
      <c r="A64" s="8">
        <v>21</v>
      </c>
      <c r="B64" s="8" t="s">
        <v>13</v>
      </c>
      <c r="C64" s="8" t="s">
        <v>14</v>
      </c>
      <c r="D64" s="8" t="s">
        <v>24</v>
      </c>
      <c r="E64" s="8"/>
      <c r="F64" s="9">
        <v>0.68055555555555503</v>
      </c>
      <c r="G64" s="8">
        <v>1</v>
      </c>
      <c r="H64" s="9">
        <v>0.65972222222222199</v>
      </c>
      <c r="I64" s="9">
        <v>0.66666666666666696</v>
      </c>
    </row>
    <row r="65" spans="1:9" ht="18.75" customHeight="1">
      <c r="A65" s="8">
        <v>22</v>
      </c>
      <c r="B65" s="8" t="s">
        <v>19</v>
      </c>
      <c r="C65" s="8" t="s">
        <v>14</v>
      </c>
      <c r="D65" s="8" t="s">
        <v>24</v>
      </c>
      <c r="E65" s="8"/>
      <c r="F65" s="9">
        <v>0.6875</v>
      </c>
      <c r="G65" s="8">
        <v>1</v>
      </c>
      <c r="H65" s="9">
        <v>0.66666666666666696</v>
      </c>
      <c r="I65" s="9">
        <v>0.67361111111111105</v>
      </c>
    </row>
    <row r="66" spans="1:9" ht="18.75" customHeight="1">
      <c r="G66" s="11"/>
    </row>
    <row r="67" spans="1:9" ht="18.75" customHeight="1">
      <c r="A67" s="1" t="s">
        <v>25</v>
      </c>
      <c r="D67" s="10"/>
    </row>
    <row r="68" spans="1:9" ht="18.75" customHeight="1">
      <c r="A68" s="4" t="s">
        <v>4</v>
      </c>
      <c r="B68" s="4" t="s">
        <v>5</v>
      </c>
      <c r="C68" s="4" t="s">
        <v>6</v>
      </c>
      <c r="D68" s="4" t="s">
        <v>7</v>
      </c>
      <c r="E68" s="4" t="s">
        <v>26</v>
      </c>
      <c r="F68" s="5" t="s">
        <v>9</v>
      </c>
      <c r="G68" s="4" t="s">
        <v>10</v>
      </c>
      <c r="H68" s="5" t="s">
        <v>11</v>
      </c>
      <c r="I68" s="5" t="s">
        <v>12</v>
      </c>
    </row>
    <row r="69" spans="1:9" ht="18.75" customHeight="1">
      <c r="A69" s="8">
        <v>1</v>
      </c>
      <c r="B69" s="8" t="s">
        <v>13</v>
      </c>
      <c r="C69" s="8" t="s">
        <v>47</v>
      </c>
      <c r="D69" s="8" t="s">
        <v>24</v>
      </c>
      <c r="E69" s="4" t="s">
        <v>35</v>
      </c>
      <c r="F69" s="9">
        <v>0.39236111111111099</v>
      </c>
      <c r="G69" s="8">
        <v>1</v>
      </c>
      <c r="H69" s="9">
        <v>0.35763888888888901</v>
      </c>
      <c r="I69" s="9">
        <v>0.36458333333333298</v>
      </c>
    </row>
    <row r="70" spans="1:9" ht="18.75" customHeight="1">
      <c r="A70" s="8">
        <v>2</v>
      </c>
      <c r="B70" s="8" t="s">
        <v>19</v>
      </c>
      <c r="C70" s="8" t="s">
        <v>48</v>
      </c>
      <c r="D70" s="8" t="s">
        <v>38</v>
      </c>
      <c r="E70" s="4" t="s">
        <v>49</v>
      </c>
      <c r="F70" s="9">
        <v>0.46527777777777801</v>
      </c>
      <c r="G70" s="8">
        <v>1</v>
      </c>
      <c r="H70" s="19" t="s">
        <v>46</v>
      </c>
      <c r="I70" s="9">
        <v>0.4375</v>
      </c>
    </row>
    <row r="71" spans="1:9" ht="18.75" customHeight="1">
      <c r="A71" s="8">
        <v>3</v>
      </c>
      <c r="B71" s="8" t="s">
        <v>19</v>
      </c>
      <c r="C71" s="8" t="s">
        <v>47</v>
      </c>
      <c r="D71" s="8" t="s">
        <v>24</v>
      </c>
      <c r="E71" s="4" t="s">
        <v>35</v>
      </c>
      <c r="F71" s="9">
        <v>0.55555555555555602</v>
      </c>
      <c r="G71" s="8">
        <v>1</v>
      </c>
      <c r="H71" s="9">
        <v>0.52083333333333304</v>
      </c>
      <c r="I71" s="9">
        <v>0.52777777777777801</v>
      </c>
    </row>
    <row r="72" spans="1:9" ht="18.75" customHeight="1">
      <c r="A72" s="8">
        <v>4</v>
      </c>
      <c r="B72" s="8" t="s">
        <v>13</v>
      </c>
      <c r="C72" s="8" t="s">
        <v>29</v>
      </c>
      <c r="D72" s="8" t="s">
        <v>24</v>
      </c>
      <c r="E72" s="4" t="s">
        <v>49</v>
      </c>
      <c r="F72" s="9">
        <v>0.5625</v>
      </c>
      <c r="G72" s="8">
        <v>1</v>
      </c>
      <c r="H72" s="9">
        <v>0.52777777777777801</v>
      </c>
      <c r="I72" s="9">
        <v>0.53472222222222199</v>
      </c>
    </row>
    <row r="73" spans="1:9" ht="18.75" customHeight="1">
      <c r="A73" s="20"/>
      <c r="B73" s="20"/>
      <c r="C73" s="20"/>
      <c r="D73" s="20"/>
      <c r="E73" s="21"/>
      <c r="F73" s="22"/>
      <c r="G73" s="20"/>
      <c r="H73" s="22"/>
      <c r="I73" s="22"/>
    </row>
    <row r="74" spans="1:9" ht="18.75" customHeight="1">
      <c r="A74" s="1" t="s">
        <v>31</v>
      </c>
      <c r="B74" s="13"/>
      <c r="C74" s="13"/>
      <c r="D74" s="13"/>
      <c r="E74" s="14"/>
      <c r="F74" s="15"/>
      <c r="G74" s="13"/>
      <c r="H74" s="15"/>
      <c r="I74" s="15"/>
    </row>
    <row r="75" spans="1:9" ht="18.75" customHeight="1">
      <c r="A75" s="8">
        <v>1</v>
      </c>
      <c r="B75" s="8" t="s">
        <v>13</v>
      </c>
      <c r="C75" s="8" t="s">
        <v>32</v>
      </c>
      <c r="D75" s="8" t="s">
        <v>24</v>
      </c>
      <c r="E75" s="4" t="s">
        <v>33</v>
      </c>
      <c r="F75" s="9">
        <v>0.39583333333333298</v>
      </c>
      <c r="G75" s="8">
        <v>1</v>
      </c>
      <c r="H75" s="9">
        <v>0.36111111111111099</v>
      </c>
      <c r="I75" s="9">
        <v>0.36805555555555602</v>
      </c>
    </row>
    <row r="76" spans="1:9" ht="18.75" customHeight="1">
      <c r="A76" s="8">
        <v>2</v>
      </c>
      <c r="B76" s="8" t="s">
        <v>19</v>
      </c>
      <c r="C76" s="8" t="s">
        <v>50</v>
      </c>
      <c r="D76" s="8" t="s">
        <v>24</v>
      </c>
      <c r="E76" s="4" t="s">
        <v>33</v>
      </c>
      <c r="F76" s="9">
        <v>0.50694444444444398</v>
      </c>
      <c r="G76" s="8">
        <v>1</v>
      </c>
      <c r="H76" s="9">
        <v>0.47222222222222199</v>
      </c>
      <c r="I76" s="9">
        <v>0.47916666666666702</v>
      </c>
    </row>
    <row r="77" spans="1:9" ht="18.75" customHeight="1">
      <c r="A77" s="8">
        <v>3</v>
      </c>
      <c r="B77" s="8" t="s">
        <v>19</v>
      </c>
      <c r="C77" s="8" t="s">
        <v>51</v>
      </c>
      <c r="D77" s="8" t="s">
        <v>38</v>
      </c>
      <c r="E77" s="4" t="s">
        <v>33</v>
      </c>
      <c r="F77" s="9">
        <v>0.58333333333333304</v>
      </c>
      <c r="G77" s="8">
        <v>1</v>
      </c>
      <c r="H77" s="19" t="s">
        <v>46</v>
      </c>
      <c r="I77" s="9">
        <v>0.55555555555555602</v>
      </c>
    </row>
    <row r="79" spans="1:9" ht="27" customHeight="1">
      <c r="A79" s="92" t="s">
        <v>52</v>
      </c>
      <c r="B79" s="92"/>
      <c r="C79" s="92"/>
      <c r="D79" s="92"/>
      <c r="E79" s="92"/>
      <c r="F79" s="92"/>
      <c r="G79" s="92"/>
      <c r="H79" s="92"/>
      <c r="I79" s="92"/>
    </row>
    <row r="80" spans="1:9" ht="16.5" customHeight="1">
      <c r="A80" s="1" t="s">
        <v>3</v>
      </c>
      <c r="C80" s="3"/>
      <c r="D80" s="3"/>
      <c r="E80" s="3"/>
      <c r="F80" s="3"/>
      <c r="G80" s="3"/>
      <c r="H80" s="3"/>
      <c r="I80" s="3"/>
    </row>
    <row r="81" spans="1:10" ht="16.5" customHeight="1">
      <c r="A81" s="4" t="s">
        <v>4</v>
      </c>
      <c r="B81" s="4" t="s">
        <v>5</v>
      </c>
      <c r="C81" s="4" t="s">
        <v>6</v>
      </c>
      <c r="D81" s="4" t="s">
        <v>7</v>
      </c>
      <c r="E81" s="4" t="s">
        <v>8</v>
      </c>
      <c r="F81" s="5" t="s">
        <v>9</v>
      </c>
      <c r="G81" s="4" t="s">
        <v>10</v>
      </c>
      <c r="H81" s="5" t="s">
        <v>11</v>
      </c>
      <c r="I81" s="5" t="s">
        <v>12</v>
      </c>
    </row>
    <row r="82" spans="1:10" ht="16.5" customHeight="1">
      <c r="A82" s="80">
        <v>1</v>
      </c>
      <c r="B82" s="80" t="s">
        <v>13</v>
      </c>
      <c r="C82" s="80" t="s">
        <v>53</v>
      </c>
      <c r="D82" s="80" t="s">
        <v>54</v>
      </c>
      <c r="E82" s="80" t="s">
        <v>39</v>
      </c>
      <c r="F82" s="73">
        <v>0.38888888888888901</v>
      </c>
      <c r="G82" s="8" t="s">
        <v>17</v>
      </c>
      <c r="H82" s="9">
        <v>0.36805555555555602</v>
      </c>
      <c r="I82" s="9">
        <v>0.375</v>
      </c>
    </row>
    <row r="83" spans="1:10" ht="16.5" customHeight="1">
      <c r="A83" s="82"/>
      <c r="B83" s="82"/>
      <c r="C83" s="82"/>
      <c r="D83" s="82"/>
      <c r="E83" s="82"/>
      <c r="F83" s="75"/>
      <c r="G83" s="8">
        <v>3</v>
      </c>
      <c r="H83" s="9">
        <v>0.375</v>
      </c>
      <c r="I83" s="9">
        <v>0.38194444444444398</v>
      </c>
    </row>
    <row r="84" spans="1:10" ht="16.5" customHeight="1">
      <c r="A84" s="80">
        <v>2</v>
      </c>
      <c r="B84" s="80" t="s">
        <v>19</v>
      </c>
      <c r="C84" s="80" t="s">
        <v>55</v>
      </c>
      <c r="D84" s="80" t="s">
        <v>38</v>
      </c>
      <c r="E84" s="80" t="s">
        <v>39</v>
      </c>
      <c r="F84" s="73">
        <v>0.40277777777777801</v>
      </c>
      <c r="G84" s="8" t="s">
        <v>17</v>
      </c>
      <c r="H84" s="9">
        <v>0.38194444444444398</v>
      </c>
      <c r="I84" s="9">
        <v>0.38888888888888901</v>
      </c>
    </row>
    <row r="85" spans="1:10" ht="16.5" customHeight="1">
      <c r="A85" s="82"/>
      <c r="B85" s="82"/>
      <c r="C85" s="82"/>
      <c r="D85" s="82"/>
      <c r="E85" s="82"/>
      <c r="F85" s="75"/>
      <c r="G85" s="8">
        <v>3</v>
      </c>
      <c r="H85" s="9">
        <v>0.38888888888888901</v>
      </c>
      <c r="I85" s="9">
        <v>0.39583333333333298</v>
      </c>
    </row>
    <row r="86" spans="1:10" ht="16.5" customHeight="1">
      <c r="A86" s="80">
        <v>3</v>
      </c>
      <c r="B86" s="80" t="s">
        <v>13</v>
      </c>
      <c r="C86" s="80" t="s">
        <v>56</v>
      </c>
      <c r="D86" s="80" t="s">
        <v>15</v>
      </c>
      <c r="E86" s="80" t="s">
        <v>16</v>
      </c>
      <c r="F86" s="73">
        <v>0.42013888888888901</v>
      </c>
      <c r="G86" s="62" t="s">
        <v>17</v>
      </c>
      <c r="H86" s="9">
        <v>0.39930555555555602</v>
      </c>
      <c r="I86" s="9">
        <v>0.40625</v>
      </c>
    </row>
    <row r="87" spans="1:10" ht="16.5" customHeight="1">
      <c r="A87" s="81"/>
      <c r="B87" s="81"/>
      <c r="C87" s="81"/>
      <c r="D87" s="81"/>
      <c r="E87" s="81"/>
      <c r="F87" s="74"/>
      <c r="G87" s="62" t="s">
        <v>18</v>
      </c>
      <c r="H87" s="9">
        <v>0.40625</v>
      </c>
      <c r="I87" s="9">
        <v>0.41319444444444398</v>
      </c>
    </row>
    <row r="88" spans="1:10" ht="16.5" customHeight="1">
      <c r="A88" s="82"/>
      <c r="B88" s="82"/>
      <c r="C88" s="82"/>
      <c r="D88" s="82"/>
      <c r="E88" s="82"/>
      <c r="F88" s="75"/>
      <c r="G88" s="8">
        <v>5</v>
      </c>
      <c r="H88" s="9">
        <v>0.41319444444444398</v>
      </c>
      <c r="I88" s="9">
        <v>0.42013888888888901</v>
      </c>
    </row>
    <row r="89" spans="1:10" ht="16.5" customHeight="1">
      <c r="A89" s="80">
        <v>4</v>
      </c>
      <c r="B89" s="80" t="s">
        <v>19</v>
      </c>
      <c r="C89" s="80" t="s">
        <v>56</v>
      </c>
      <c r="D89" s="80" t="s">
        <v>15</v>
      </c>
      <c r="E89" s="80" t="s">
        <v>16</v>
      </c>
      <c r="F89" s="73">
        <v>0.4375</v>
      </c>
      <c r="G89" s="62" t="s">
        <v>17</v>
      </c>
      <c r="H89" s="9">
        <v>0.41666666666666702</v>
      </c>
      <c r="I89" s="9">
        <v>0.42361111111111099</v>
      </c>
    </row>
    <row r="90" spans="1:10" ht="16.5" customHeight="1">
      <c r="A90" s="81"/>
      <c r="B90" s="81"/>
      <c r="C90" s="81"/>
      <c r="D90" s="81"/>
      <c r="E90" s="81"/>
      <c r="F90" s="74"/>
      <c r="G90" s="62" t="s">
        <v>18</v>
      </c>
      <c r="H90" s="9">
        <v>0.42361111111111099</v>
      </c>
      <c r="I90" s="9">
        <v>0.43055555555555602</v>
      </c>
    </row>
    <row r="91" spans="1:10" ht="16.5" customHeight="1">
      <c r="A91" s="82"/>
      <c r="B91" s="82"/>
      <c r="C91" s="82"/>
      <c r="D91" s="82"/>
      <c r="E91" s="82"/>
      <c r="F91" s="75"/>
      <c r="G91" s="8">
        <v>5</v>
      </c>
      <c r="H91" s="9">
        <v>0.43055555555555602</v>
      </c>
      <c r="I91" s="9">
        <v>0.4375</v>
      </c>
    </row>
    <row r="92" spans="1:10" ht="16.5" customHeight="1">
      <c r="A92" s="80">
        <v>5</v>
      </c>
      <c r="B92" s="80" t="s">
        <v>13</v>
      </c>
      <c r="C92" s="80" t="s">
        <v>57</v>
      </c>
      <c r="D92" s="80" t="s">
        <v>15</v>
      </c>
      <c r="E92" s="80" t="s">
        <v>16</v>
      </c>
      <c r="F92" s="73">
        <v>0.45833333333333298</v>
      </c>
      <c r="G92" s="62" t="s">
        <v>17</v>
      </c>
      <c r="H92" s="9">
        <v>0.4375</v>
      </c>
      <c r="I92" s="9">
        <v>0.44444444444444398</v>
      </c>
      <c r="J92" s="24"/>
    </row>
    <row r="93" spans="1:10" ht="16.5" customHeight="1">
      <c r="A93" s="81"/>
      <c r="B93" s="81"/>
      <c r="C93" s="81"/>
      <c r="D93" s="81"/>
      <c r="E93" s="81"/>
      <c r="F93" s="74"/>
      <c r="G93" s="62" t="s">
        <v>18</v>
      </c>
      <c r="H93" s="9">
        <v>0.44444444444444398</v>
      </c>
      <c r="I93" s="9">
        <v>0.45138888888888901</v>
      </c>
      <c r="J93" s="24"/>
    </row>
    <row r="94" spans="1:10" ht="16.5" customHeight="1">
      <c r="A94" s="82"/>
      <c r="B94" s="82"/>
      <c r="C94" s="82"/>
      <c r="D94" s="82"/>
      <c r="E94" s="82"/>
      <c r="F94" s="75"/>
      <c r="G94" s="8">
        <v>5</v>
      </c>
      <c r="H94" s="9">
        <v>0.45138888888888901</v>
      </c>
      <c r="I94" s="9">
        <v>0.45833333333333298</v>
      </c>
      <c r="J94" s="24"/>
    </row>
    <row r="95" spans="1:10" ht="16.5" customHeight="1">
      <c r="A95" s="80">
        <v>6</v>
      </c>
      <c r="B95" s="80" t="s">
        <v>19</v>
      </c>
      <c r="C95" s="80" t="s">
        <v>57</v>
      </c>
      <c r="D95" s="80" t="s">
        <v>15</v>
      </c>
      <c r="E95" s="80" t="s">
        <v>16</v>
      </c>
      <c r="F95" s="73">
        <v>0.48263888888888901</v>
      </c>
      <c r="G95" s="62" t="s">
        <v>17</v>
      </c>
      <c r="H95" s="9">
        <v>0.46180555555555602</v>
      </c>
      <c r="I95" s="9">
        <v>0.46875</v>
      </c>
      <c r="J95" s="24"/>
    </row>
    <row r="96" spans="1:10" ht="16.5" customHeight="1">
      <c r="A96" s="81"/>
      <c r="B96" s="81"/>
      <c r="C96" s="81"/>
      <c r="D96" s="81"/>
      <c r="E96" s="81"/>
      <c r="F96" s="74"/>
      <c r="G96" s="62" t="s">
        <v>18</v>
      </c>
      <c r="H96" s="9">
        <v>0.46875</v>
      </c>
      <c r="I96" s="9">
        <v>0.47569444444444398</v>
      </c>
      <c r="J96" s="24"/>
    </row>
    <row r="97" spans="1:10" ht="16.5" customHeight="1">
      <c r="A97" s="82"/>
      <c r="B97" s="82"/>
      <c r="C97" s="82"/>
      <c r="D97" s="82"/>
      <c r="E97" s="82"/>
      <c r="F97" s="75"/>
      <c r="G97" s="8">
        <v>5</v>
      </c>
      <c r="H97" s="9">
        <v>0.47569444444444398</v>
      </c>
      <c r="I97" s="9">
        <v>0.48263888888888901</v>
      </c>
      <c r="J97" s="24"/>
    </row>
    <row r="98" spans="1:10" ht="16.5" customHeight="1">
      <c r="A98" s="6">
        <v>7</v>
      </c>
      <c r="B98" s="6" t="s">
        <v>13</v>
      </c>
      <c r="C98" s="6" t="s">
        <v>44</v>
      </c>
      <c r="D98" s="6" t="s">
        <v>40</v>
      </c>
      <c r="E98" s="6" t="s">
        <v>41</v>
      </c>
      <c r="F98" s="7">
        <v>0.51041666666666696</v>
      </c>
      <c r="G98" s="62" t="s">
        <v>17</v>
      </c>
      <c r="H98" s="9">
        <v>0.48958333333333298</v>
      </c>
      <c r="I98" s="9">
        <v>0.49652777777777801</v>
      </c>
      <c r="J98" s="24"/>
    </row>
    <row r="99" spans="1:10" ht="16.5" customHeight="1">
      <c r="A99" s="6">
        <v>8</v>
      </c>
      <c r="B99" s="6" t="s">
        <v>19</v>
      </c>
      <c r="C99" s="6" t="s">
        <v>44</v>
      </c>
      <c r="D99" s="6" t="s">
        <v>40</v>
      </c>
      <c r="E99" s="6" t="s">
        <v>41</v>
      </c>
      <c r="F99" s="7">
        <v>0.52083333333333304</v>
      </c>
      <c r="G99" s="62" t="s">
        <v>17</v>
      </c>
      <c r="H99" s="9">
        <v>0.5</v>
      </c>
      <c r="I99" s="9">
        <v>0.50694444444444398</v>
      </c>
      <c r="J99" s="24"/>
    </row>
    <row r="100" spans="1:10" ht="16.5" customHeight="1">
      <c r="A100" s="6">
        <v>9</v>
      </c>
      <c r="B100" s="6" t="s">
        <v>13</v>
      </c>
      <c r="C100" s="6" t="s">
        <v>56</v>
      </c>
      <c r="D100" s="6" t="s">
        <v>40</v>
      </c>
      <c r="E100" s="6" t="s">
        <v>41</v>
      </c>
      <c r="F100" s="7">
        <v>0.53125</v>
      </c>
      <c r="G100" s="62" t="s">
        <v>17</v>
      </c>
      <c r="H100" s="9">
        <v>0.51041666666666696</v>
      </c>
      <c r="I100" s="9">
        <v>0.51736111111111105</v>
      </c>
      <c r="J100" s="24"/>
    </row>
    <row r="101" spans="1:10" ht="16.5" customHeight="1">
      <c r="A101" s="6">
        <v>10</v>
      </c>
      <c r="B101" s="6" t="s">
        <v>19</v>
      </c>
      <c r="C101" s="6" t="s">
        <v>56</v>
      </c>
      <c r="D101" s="6" t="s">
        <v>40</v>
      </c>
      <c r="E101" s="6" t="s">
        <v>41</v>
      </c>
      <c r="F101" s="7">
        <v>0.53819444444444398</v>
      </c>
      <c r="G101" s="62" t="s">
        <v>17</v>
      </c>
      <c r="H101" s="9">
        <v>0.51736111111111105</v>
      </c>
      <c r="I101" s="9">
        <v>0.52430555555555602</v>
      </c>
      <c r="J101" s="24"/>
    </row>
    <row r="102" spans="1:10" ht="16.5" customHeight="1">
      <c r="A102" s="17">
        <v>11</v>
      </c>
      <c r="B102" s="17" t="s">
        <v>19</v>
      </c>
      <c r="C102" s="17" t="s">
        <v>63</v>
      </c>
      <c r="D102" s="17" t="s">
        <v>24</v>
      </c>
      <c r="E102" s="17"/>
      <c r="F102" s="18">
        <v>0.55208333333333304</v>
      </c>
      <c r="G102" s="17">
        <v>1</v>
      </c>
      <c r="H102" s="18">
        <v>0.53125</v>
      </c>
      <c r="I102" s="18">
        <v>0.53819444444444398</v>
      </c>
      <c r="J102" s="24"/>
    </row>
    <row r="103" spans="1:10" ht="16.5" customHeight="1">
      <c r="A103" s="6">
        <v>12</v>
      </c>
      <c r="B103" s="6" t="s">
        <v>13</v>
      </c>
      <c r="C103" s="6" t="s">
        <v>57</v>
      </c>
      <c r="D103" s="6" t="s">
        <v>40</v>
      </c>
      <c r="E103" s="6" t="s">
        <v>41</v>
      </c>
      <c r="F103" s="7">
        <v>0.57291666666666696</v>
      </c>
      <c r="G103" s="62" t="s">
        <v>17</v>
      </c>
      <c r="H103" s="9">
        <v>0.55208333333333304</v>
      </c>
      <c r="I103" s="9">
        <v>0.55902777777777801</v>
      </c>
      <c r="J103" s="24"/>
    </row>
    <row r="104" spans="1:10" ht="16.5" customHeight="1">
      <c r="A104" s="6">
        <v>13</v>
      </c>
      <c r="B104" s="6" t="s">
        <v>19</v>
      </c>
      <c r="C104" s="6" t="s">
        <v>57</v>
      </c>
      <c r="D104" s="6" t="s">
        <v>40</v>
      </c>
      <c r="E104" s="6" t="s">
        <v>41</v>
      </c>
      <c r="F104" s="7">
        <v>0.58333333333333304</v>
      </c>
      <c r="G104" s="62" t="s">
        <v>17</v>
      </c>
      <c r="H104" s="9">
        <v>0.5625</v>
      </c>
      <c r="I104" s="9">
        <v>0.56944444444444398</v>
      </c>
      <c r="J104" s="24"/>
    </row>
    <row r="105" spans="1:10" ht="16.5" customHeight="1">
      <c r="A105" s="8">
        <v>14</v>
      </c>
      <c r="B105" s="8" t="s">
        <v>13</v>
      </c>
      <c r="C105" s="8" t="s">
        <v>44</v>
      </c>
      <c r="D105" s="8" t="s">
        <v>24</v>
      </c>
      <c r="E105" s="8"/>
      <c r="F105" s="9">
        <v>0.60069444444444398</v>
      </c>
      <c r="G105" s="8">
        <v>1</v>
      </c>
      <c r="H105" s="9">
        <v>0.57986111111111105</v>
      </c>
      <c r="I105" s="9">
        <v>0.58680555555555602</v>
      </c>
      <c r="J105" s="24"/>
    </row>
    <row r="106" spans="1:10" ht="16.5" customHeight="1">
      <c r="A106" s="8">
        <v>15</v>
      </c>
      <c r="B106" s="8" t="s">
        <v>19</v>
      </c>
      <c r="C106" s="8" t="s">
        <v>44</v>
      </c>
      <c r="D106" s="8" t="s">
        <v>24</v>
      </c>
      <c r="E106" s="8"/>
      <c r="F106" s="9">
        <v>0.60763888888888895</v>
      </c>
      <c r="G106" s="8">
        <v>1</v>
      </c>
      <c r="H106" s="9">
        <v>0.58680555555555602</v>
      </c>
      <c r="I106" s="9">
        <v>0.59375</v>
      </c>
      <c r="J106" s="24"/>
    </row>
    <row r="107" spans="1:10" ht="16.5" customHeight="1">
      <c r="A107" s="8">
        <v>16</v>
      </c>
      <c r="B107" s="8" t="s">
        <v>13</v>
      </c>
      <c r="C107" s="8" t="s">
        <v>56</v>
      </c>
      <c r="D107" s="8" t="s">
        <v>24</v>
      </c>
      <c r="E107" s="8"/>
      <c r="F107" s="9">
        <v>0.61805555555555602</v>
      </c>
      <c r="G107" s="8">
        <v>1</v>
      </c>
      <c r="H107" s="9">
        <v>0.59722222222222199</v>
      </c>
      <c r="I107" s="9">
        <v>0.60416666666666696</v>
      </c>
      <c r="J107" s="24"/>
    </row>
    <row r="108" spans="1:10" ht="16.5" customHeight="1">
      <c r="A108" s="8">
        <v>17</v>
      </c>
      <c r="B108" s="8" t="s">
        <v>19</v>
      </c>
      <c r="C108" s="8" t="s">
        <v>56</v>
      </c>
      <c r="D108" s="8" t="s">
        <v>24</v>
      </c>
      <c r="E108" s="8"/>
      <c r="F108" s="9">
        <v>0.625</v>
      </c>
      <c r="G108" s="8">
        <v>1</v>
      </c>
      <c r="H108" s="9">
        <v>0.60416666666666696</v>
      </c>
      <c r="I108" s="9">
        <v>0.61111111111111105</v>
      </c>
      <c r="J108" s="24"/>
    </row>
    <row r="109" spans="1:10" ht="16.5" customHeight="1">
      <c r="A109" s="80">
        <v>18</v>
      </c>
      <c r="B109" s="80" t="s">
        <v>19</v>
      </c>
      <c r="C109" s="80" t="s">
        <v>58</v>
      </c>
      <c r="D109" s="80" t="s">
        <v>15</v>
      </c>
      <c r="E109" s="80" t="s">
        <v>21</v>
      </c>
      <c r="F109" s="73">
        <v>0.63541666666666696</v>
      </c>
      <c r="G109" s="8">
        <v>1</v>
      </c>
      <c r="H109" s="9">
        <v>0.61458333333333304</v>
      </c>
      <c r="I109" s="9">
        <v>0.62152777777777801</v>
      </c>
      <c r="J109" s="24"/>
    </row>
    <row r="110" spans="1:10" ht="16.5" customHeight="1">
      <c r="A110" s="82"/>
      <c r="B110" s="82"/>
      <c r="C110" s="82"/>
      <c r="D110" s="82"/>
      <c r="E110" s="82"/>
      <c r="F110" s="75"/>
      <c r="G110" s="8">
        <v>2</v>
      </c>
      <c r="H110" s="9">
        <v>0.625</v>
      </c>
      <c r="I110" s="9">
        <v>0.63194444444444398</v>
      </c>
      <c r="J110" s="24"/>
    </row>
    <row r="111" spans="1:10" ht="16.5" customHeight="1">
      <c r="A111" s="80">
        <v>19</v>
      </c>
      <c r="B111" s="80" t="s">
        <v>13</v>
      </c>
      <c r="C111" s="80" t="s">
        <v>59</v>
      </c>
      <c r="D111" s="80" t="s">
        <v>54</v>
      </c>
      <c r="E111" s="80" t="s">
        <v>39</v>
      </c>
      <c r="F111" s="73">
        <v>0.66319444444444398</v>
      </c>
      <c r="G111" s="8" t="s">
        <v>17</v>
      </c>
      <c r="H111" s="19" t="s">
        <v>46</v>
      </c>
      <c r="I111" s="9">
        <v>0.64930555555555602</v>
      </c>
      <c r="J111" s="24"/>
    </row>
    <row r="112" spans="1:10" ht="16.5" customHeight="1">
      <c r="A112" s="82"/>
      <c r="B112" s="82"/>
      <c r="C112" s="82"/>
      <c r="D112" s="82"/>
      <c r="E112" s="82"/>
      <c r="F112" s="75"/>
      <c r="G112" s="8">
        <v>3</v>
      </c>
      <c r="H112" s="19" t="s">
        <v>46</v>
      </c>
      <c r="I112" s="9">
        <v>0.65625</v>
      </c>
      <c r="J112" s="24"/>
    </row>
    <row r="113" spans="1:10" ht="16.5" customHeight="1">
      <c r="A113" s="8">
        <v>20</v>
      </c>
      <c r="B113" s="8" t="s">
        <v>19</v>
      </c>
      <c r="C113" s="8" t="s">
        <v>60</v>
      </c>
      <c r="D113" s="8" t="s">
        <v>38</v>
      </c>
      <c r="E113" s="8" t="s">
        <v>61</v>
      </c>
      <c r="F113" s="9">
        <v>0.67708333333333304</v>
      </c>
      <c r="G113" s="8">
        <v>1</v>
      </c>
      <c r="H113" s="19" t="s">
        <v>46</v>
      </c>
      <c r="I113" s="9">
        <v>0.66319444444444398</v>
      </c>
      <c r="J113" s="24"/>
    </row>
    <row r="114" spans="1:10" ht="16.5" customHeight="1">
      <c r="A114" s="80">
        <v>21</v>
      </c>
      <c r="B114" s="80" t="s">
        <v>13</v>
      </c>
      <c r="C114" s="80" t="s">
        <v>62</v>
      </c>
      <c r="D114" s="80" t="s">
        <v>15</v>
      </c>
      <c r="E114" s="80" t="s">
        <v>16</v>
      </c>
      <c r="F114" s="73">
        <v>0.69097222222222199</v>
      </c>
      <c r="G114" s="62" t="s">
        <v>17</v>
      </c>
      <c r="H114" s="9">
        <v>0.67013888888888895</v>
      </c>
      <c r="I114" s="9">
        <v>0.67708333333333304</v>
      </c>
      <c r="J114" s="24"/>
    </row>
    <row r="115" spans="1:10" ht="16.5" customHeight="1">
      <c r="A115" s="81"/>
      <c r="B115" s="81"/>
      <c r="C115" s="81"/>
      <c r="D115" s="81"/>
      <c r="E115" s="81"/>
      <c r="F115" s="74"/>
      <c r="G115" s="62" t="s">
        <v>18</v>
      </c>
      <c r="H115" s="9">
        <v>0.67708333333333304</v>
      </c>
      <c r="I115" s="9">
        <v>0.68402777777777801</v>
      </c>
      <c r="J115" s="24"/>
    </row>
    <row r="116" spans="1:10" ht="16.5" customHeight="1">
      <c r="A116" s="82"/>
      <c r="B116" s="82"/>
      <c r="C116" s="82"/>
      <c r="D116" s="82"/>
      <c r="E116" s="82"/>
      <c r="F116" s="75"/>
      <c r="G116" s="8">
        <v>5</v>
      </c>
      <c r="H116" s="9">
        <v>0.68402777777777801</v>
      </c>
      <c r="I116" s="9">
        <v>0.69097222222222199</v>
      </c>
      <c r="J116" s="24"/>
    </row>
    <row r="117" spans="1:10" ht="16.5" customHeight="1">
      <c r="A117" s="83">
        <v>22</v>
      </c>
      <c r="B117" s="83" t="s">
        <v>19</v>
      </c>
      <c r="C117" s="83" t="s">
        <v>62</v>
      </c>
      <c r="D117" s="83" t="s">
        <v>15</v>
      </c>
      <c r="E117" s="83" t="s">
        <v>16</v>
      </c>
      <c r="F117" s="76">
        <v>0.71875</v>
      </c>
      <c r="G117" s="62" t="s">
        <v>17</v>
      </c>
      <c r="H117" s="9">
        <v>0.69791666666666696</v>
      </c>
      <c r="I117" s="9">
        <v>0.70486111111111105</v>
      </c>
    </row>
    <row r="118" spans="1:10" ht="16.5" customHeight="1">
      <c r="A118" s="83"/>
      <c r="B118" s="83"/>
      <c r="C118" s="83"/>
      <c r="D118" s="83"/>
      <c r="E118" s="83"/>
      <c r="F118" s="76"/>
      <c r="G118" s="62" t="s">
        <v>18</v>
      </c>
      <c r="H118" s="9">
        <v>0.70486111111111105</v>
      </c>
      <c r="I118" s="9">
        <v>0.71180555555555503</v>
      </c>
    </row>
    <row r="119" spans="1:10" ht="16.5" customHeight="1">
      <c r="A119" s="83"/>
      <c r="B119" s="83"/>
      <c r="C119" s="83"/>
      <c r="D119" s="83"/>
      <c r="E119" s="83"/>
      <c r="F119" s="76"/>
      <c r="G119" s="8">
        <v>5</v>
      </c>
      <c r="H119" s="9">
        <v>0.71180555555555503</v>
      </c>
      <c r="I119" s="9">
        <v>0.71875</v>
      </c>
    </row>
    <row r="120" spans="1:10" ht="16.5" customHeight="1">
      <c r="G120" s="11"/>
      <c r="H120" s="1"/>
      <c r="I120" s="1"/>
    </row>
    <row r="121" spans="1:10" ht="16.5" customHeight="1">
      <c r="A121" s="1" t="s">
        <v>25</v>
      </c>
    </row>
    <row r="122" spans="1:10" ht="16.5" customHeight="1">
      <c r="A122" s="4" t="s">
        <v>4</v>
      </c>
      <c r="B122" s="4" t="s">
        <v>5</v>
      </c>
      <c r="C122" s="4" t="s">
        <v>6</v>
      </c>
      <c r="D122" s="4" t="s">
        <v>7</v>
      </c>
      <c r="E122" s="4" t="s">
        <v>26</v>
      </c>
      <c r="F122" s="5" t="s">
        <v>9</v>
      </c>
      <c r="G122" s="4" t="s">
        <v>10</v>
      </c>
      <c r="H122" s="5" t="s">
        <v>11</v>
      </c>
      <c r="I122" s="5" t="s">
        <v>12</v>
      </c>
    </row>
    <row r="123" spans="1:10" ht="16.5" customHeight="1">
      <c r="A123" s="8">
        <v>1</v>
      </c>
      <c r="B123" s="8" t="s">
        <v>13</v>
      </c>
      <c r="C123" s="23" t="s">
        <v>64</v>
      </c>
      <c r="D123" s="8" t="s">
        <v>54</v>
      </c>
      <c r="E123" s="4" t="s">
        <v>88</v>
      </c>
      <c r="F123" s="9">
        <v>0.44444444444444398</v>
      </c>
      <c r="G123" s="8">
        <v>1</v>
      </c>
      <c r="H123" s="19" t="s">
        <v>46</v>
      </c>
      <c r="I123" s="9">
        <v>0.41666666666666702</v>
      </c>
    </row>
    <row r="124" spans="1:10" ht="16.5" customHeight="1">
      <c r="A124" s="8">
        <v>2</v>
      </c>
      <c r="B124" s="8" t="s">
        <v>19</v>
      </c>
      <c r="C124" s="8" t="s">
        <v>27</v>
      </c>
      <c r="D124" s="8" t="s">
        <v>24</v>
      </c>
      <c r="E124" s="4" t="s">
        <v>28</v>
      </c>
      <c r="F124" s="9">
        <v>0.44791666666666702</v>
      </c>
      <c r="G124" s="8">
        <v>1</v>
      </c>
      <c r="H124" s="9">
        <v>0.39236111111111099</v>
      </c>
      <c r="I124" s="9">
        <v>0.40625</v>
      </c>
    </row>
    <row r="125" spans="1:10" ht="16.5" customHeight="1">
      <c r="A125" s="8">
        <v>3</v>
      </c>
      <c r="B125" s="8" t="s">
        <v>19</v>
      </c>
      <c r="C125" s="23" t="s">
        <v>66</v>
      </c>
      <c r="D125" s="8" t="s">
        <v>38</v>
      </c>
      <c r="E125" s="4" t="s">
        <v>88</v>
      </c>
      <c r="F125" s="9">
        <v>0.57638888888888895</v>
      </c>
      <c r="G125" s="8">
        <v>1</v>
      </c>
      <c r="H125" s="19" t="s">
        <v>46</v>
      </c>
      <c r="I125" s="9">
        <v>0.54861111111111105</v>
      </c>
    </row>
    <row r="126" spans="1:10" ht="16.5" customHeight="1">
      <c r="A126" s="8">
        <v>4</v>
      </c>
      <c r="B126" s="8" t="s">
        <v>19</v>
      </c>
      <c r="C126" s="8" t="s">
        <v>67</v>
      </c>
      <c r="D126" s="8" t="s">
        <v>24</v>
      </c>
      <c r="E126" s="4" t="s">
        <v>49</v>
      </c>
      <c r="F126" s="9">
        <v>0.58333333333333304</v>
      </c>
      <c r="G126" s="8">
        <v>1</v>
      </c>
      <c r="H126" s="9">
        <v>0.54861111111111105</v>
      </c>
      <c r="I126" s="9">
        <v>0.55555555555555602</v>
      </c>
    </row>
    <row r="127" spans="1:10" ht="16.5" customHeight="1">
      <c r="A127" s="20"/>
      <c r="B127" s="20"/>
      <c r="C127" s="20"/>
      <c r="D127" s="20"/>
      <c r="E127" s="21"/>
      <c r="F127" s="22"/>
      <c r="G127" s="20"/>
      <c r="H127" s="22"/>
      <c r="I127" s="22"/>
    </row>
    <row r="128" spans="1:10" ht="16.5" customHeight="1">
      <c r="A128" s="1" t="s">
        <v>31</v>
      </c>
      <c r="B128" s="13"/>
      <c r="C128" s="13"/>
      <c r="D128" s="13"/>
      <c r="E128" s="14"/>
      <c r="F128" s="15"/>
      <c r="G128" s="13"/>
      <c r="H128" s="15"/>
      <c r="I128" s="15"/>
    </row>
    <row r="129" spans="1:9" ht="16.5" customHeight="1">
      <c r="A129" s="8">
        <v>1</v>
      </c>
      <c r="B129" s="8" t="s">
        <v>19</v>
      </c>
      <c r="C129" s="8" t="s">
        <v>34</v>
      </c>
      <c r="D129" s="8" t="s">
        <v>24</v>
      </c>
      <c r="E129" s="4" t="s">
        <v>35</v>
      </c>
      <c r="F129" s="9">
        <v>0.39583333333333298</v>
      </c>
      <c r="G129" s="8">
        <v>1</v>
      </c>
      <c r="H129" s="9">
        <v>0.36111111111111099</v>
      </c>
      <c r="I129" s="9">
        <v>0.36805555555555602</v>
      </c>
    </row>
    <row r="130" spans="1:9" ht="16.5" customHeight="1">
      <c r="A130" s="8">
        <v>2</v>
      </c>
      <c r="B130" s="8" t="s">
        <v>19</v>
      </c>
      <c r="C130" s="8" t="s">
        <v>68</v>
      </c>
      <c r="D130" s="8" t="s">
        <v>38</v>
      </c>
      <c r="E130" s="4" t="s">
        <v>35</v>
      </c>
      <c r="F130" s="9">
        <v>0.46527777777777801</v>
      </c>
      <c r="G130" s="8">
        <v>1</v>
      </c>
      <c r="H130" s="19" t="s">
        <v>46</v>
      </c>
      <c r="I130" s="9">
        <v>0.4375</v>
      </c>
    </row>
    <row r="131" spans="1:9" ht="16.5" customHeight="1">
      <c r="A131" s="8">
        <v>3</v>
      </c>
      <c r="B131" s="8" t="s">
        <v>13</v>
      </c>
      <c r="C131" s="8" t="s">
        <v>69</v>
      </c>
      <c r="D131" s="8" t="s">
        <v>54</v>
      </c>
      <c r="E131" s="4" t="s">
        <v>35</v>
      </c>
      <c r="F131" s="9">
        <v>0.5625</v>
      </c>
      <c r="G131" s="8">
        <v>1</v>
      </c>
      <c r="H131" s="19" t="s">
        <v>46</v>
      </c>
      <c r="I131" s="9">
        <v>0.53472222222222199</v>
      </c>
    </row>
    <row r="132" spans="1:9" ht="16.5" customHeight="1">
      <c r="A132" s="8">
        <v>4</v>
      </c>
      <c r="B132" s="8" t="s">
        <v>13</v>
      </c>
      <c r="C132" s="8" t="s">
        <v>50</v>
      </c>
      <c r="D132" s="8" t="s">
        <v>24</v>
      </c>
      <c r="E132" s="4" t="s">
        <v>35</v>
      </c>
      <c r="F132" s="9">
        <v>0.60416666666666696</v>
      </c>
      <c r="G132" s="8">
        <v>1</v>
      </c>
      <c r="H132" s="9">
        <v>0.56944444444444398</v>
      </c>
      <c r="I132" s="9">
        <v>0.57638888888888895</v>
      </c>
    </row>
    <row r="133" spans="1:9" ht="15" customHeight="1">
      <c r="A133" s="2"/>
      <c r="B133" s="2"/>
      <c r="C133" s="2"/>
      <c r="D133" s="2"/>
      <c r="E133" s="2"/>
      <c r="F133" s="2"/>
    </row>
    <row r="134" spans="1:9" ht="27" customHeight="1">
      <c r="A134" s="92" t="s">
        <v>70</v>
      </c>
      <c r="B134" s="92"/>
      <c r="C134" s="92"/>
      <c r="D134" s="92"/>
      <c r="E134" s="92"/>
      <c r="F134" s="92"/>
      <c r="G134" s="92"/>
      <c r="H134" s="92"/>
      <c r="I134" s="92"/>
    </row>
    <row r="135" spans="1:9" ht="18.75" customHeight="1">
      <c r="A135" s="1" t="s">
        <v>3</v>
      </c>
      <c r="C135" s="3"/>
      <c r="D135" s="3"/>
      <c r="E135" s="3"/>
      <c r="F135" s="3"/>
      <c r="G135" s="3"/>
      <c r="H135" s="1"/>
      <c r="I135" s="25"/>
    </row>
    <row r="136" spans="1:9" ht="18.75" customHeight="1">
      <c r="A136" s="4" t="s">
        <v>4</v>
      </c>
      <c r="B136" s="4" t="s">
        <v>5</v>
      </c>
      <c r="C136" s="4" t="s">
        <v>6</v>
      </c>
      <c r="D136" s="4" t="s">
        <v>7</v>
      </c>
      <c r="E136" s="4" t="s">
        <v>8</v>
      </c>
      <c r="F136" s="5" t="s">
        <v>9</v>
      </c>
      <c r="G136" s="4" t="s">
        <v>10</v>
      </c>
      <c r="H136" s="5" t="s">
        <v>11</v>
      </c>
      <c r="I136" s="5" t="s">
        <v>12</v>
      </c>
    </row>
    <row r="137" spans="1:9" ht="18.75" customHeight="1">
      <c r="A137" s="8">
        <v>1</v>
      </c>
      <c r="B137" s="8" t="s">
        <v>13</v>
      </c>
      <c r="C137" s="8" t="s">
        <v>62</v>
      </c>
      <c r="D137" s="8" t="s">
        <v>40</v>
      </c>
      <c r="E137" s="8" t="s">
        <v>41</v>
      </c>
      <c r="F137" s="9">
        <v>0.38888888888888901</v>
      </c>
      <c r="G137" s="62" t="s">
        <v>17</v>
      </c>
      <c r="H137" s="9">
        <v>0.36805555555555602</v>
      </c>
      <c r="I137" s="9">
        <v>0.375</v>
      </c>
    </row>
    <row r="138" spans="1:9" ht="18.75" customHeight="1">
      <c r="A138" s="8">
        <v>2</v>
      </c>
      <c r="B138" s="8" t="s">
        <v>19</v>
      </c>
      <c r="C138" s="8" t="s">
        <v>62</v>
      </c>
      <c r="D138" s="8" t="s">
        <v>40</v>
      </c>
      <c r="E138" s="8" t="s">
        <v>41</v>
      </c>
      <c r="F138" s="9">
        <v>0.40277777777777801</v>
      </c>
      <c r="G138" s="62" t="s">
        <v>17</v>
      </c>
      <c r="H138" s="9">
        <v>0.38194444444444398</v>
      </c>
      <c r="I138" s="9">
        <v>0.38888888888888901</v>
      </c>
    </row>
    <row r="139" spans="1:9" ht="18.75" customHeight="1">
      <c r="A139" s="17">
        <v>3</v>
      </c>
      <c r="B139" s="17" t="s">
        <v>19</v>
      </c>
      <c r="C139" s="17" t="s">
        <v>23</v>
      </c>
      <c r="D139" s="17" t="s">
        <v>24</v>
      </c>
      <c r="E139" s="17"/>
      <c r="F139" s="18">
        <v>0.41666666666666702</v>
      </c>
      <c r="G139" s="17">
        <v>1</v>
      </c>
      <c r="H139" s="18">
        <v>0.39583333333333298</v>
      </c>
      <c r="I139" s="18">
        <v>0.40277777777777801</v>
      </c>
    </row>
    <row r="140" spans="1:9" ht="18.75" customHeight="1">
      <c r="A140" s="80">
        <v>4</v>
      </c>
      <c r="B140" s="80" t="s">
        <v>13</v>
      </c>
      <c r="C140" s="80" t="s">
        <v>72</v>
      </c>
      <c r="D140" s="80" t="s">
        <v>15</v>
      </c>
      <c r="E140" s="80" t="s">
        <v>16</v>
      </c>
      <c r="F140" s="73">
        <v>0.44444444444444398</v>
      </c>
      <c r="G140" s="62" t="s">
        <v>17</v>
      </c>
      <c r="H140" s="9">
        <v>0.42361111111111099</v>
      </c>
      <c r="I140" s="9">
        <v>0.43055555555555602</v>
      </c>
    </row>
    <row r="141" spans="1:9" ht="18.75" customHeight="1">
      <c r="A141" s="81"/>
      <c r="B141" s="81"/>
      <c r="C141" s="81"/>
      <c r="D141" s="81"/>
      <c r="E141" s="81"/>
      <c r="F141" s="74"/>
      <c r="G141" s="62" t="s">
        <v>18</v>
      </c>
      <c r="H141" s="9">
        <v>0.43055555555555602</v>
      </c>
      <c r="I141" s="9">
        <v>0.4375</v>
      </c>
    </row>
    <row r="142" spans="1:9" ht="18.75" customHeight="1">
      <c r="A142" s="82"/>
      <c r="B142" s="82"/>
      <c r="C142" s="82"/>
      <c r="D142" s="82"/>
      <c r="E142" s="82"/>
      <c r="F142" s="75"/>
      <c r="G142" s="8">
        <v>5</v>
      </c>
      <c r="H142" s="9">
        <v>0.4375</v>
      </c>
      <c r="I142" s="9">
        <v>0.44444444444444398</v>
      </c>
    </row>
    <row r="143" spans="1:9" ht="18.75" customHeight="1">
      <c r="A143" s="80">
        <v>5</v>
      </c>
      <c r="B143" s="80" t="s">
        <v>19</v>
      </c>
      <c r="C143" s="80" t="s">
        <v>72</v>
      </c>
      <c r="D143" s="80" t="s">
        <v>15</v>
      </c>
      <c r="E143" s="80" t="s">
        <v>16</v>
      </c>
      <c r="F143" s="73">
        <v>0.46180555555555602</v>
      </c>
      <c r="G143" s="62" t="s">
        <v>17</v>
      </c>
      <c r="H143" s="9">
        <v>0.44097222222222199</v>
      </c>
      <c r="I143" s="9">
        <v>0.44791666666666702</v>
      </c>
    </row>
    <row r="144" spans="1:9" ht="18.75" customHeight="1">
      <c r="A144" s="81"/>
      <c r="B144" s="81"/>
      <c r="C144" s="81"/>
      <c r="D144" s="81"/>
      <c r="E144" s="81"/>
      <c r="F144" s="74"/>
      <c r="G144" s="62" t="s">
        <v>18</v>
      </c>
      <c r="H144" s="9">
        <v>0.44791666666666702</v>
      </c>
      <c r="I144" s="9">
        <v>0.45486111111111099</v>
      </c>
    </row>
    <row r="145" spans="1:9" ht="18.75" customHeight="1">
      <c r="A145" s="82"/>
      <c r="B145" s="82"/>
      <c r="C145" s="82"/>
      <c r="D145" s="82"/>
      <c r="E145" s="82"/>
      <c r="F145" s="75"/>
      <c r="G145" s="8">
        <v>5</v>
      </c>
      <c r="H145" s="9">
        <v>0.45486111111111099</v>
      </c>
      <c r="I145" s="9">
        <v>0.46180555555555602</v>
      </c>
    </row>
    <row r="146" spans="1:9" ht="18.75" customHeight="1">
      <c r="A146" s="17">
        <v>6</v>
      </c>
      <c r="B146" s="17" t="s">
        <v>13</v>
      </c>
      <c r="C146" s="17" t="s">
        <v>71</v>
      </c>
      <c r="D146" s="17" t="s">
        <v>24</v>
      </c>
      <c r="E146" s="17"/>
      <c r="F146" s="18">
        <v>0.48263888888888901</v>
      </c>
      <c r="G146" s="17">
        <v>1</v>
      </c>
      <c r="H146" s="18">
        <v>0.46180555555555602</v>
      </c>
      <c r="I146" s="18">
        <v>0.46875</v>
      </c>
    </row>
    <row r="147" spans="1:9" ht="18.75" customHeight="1">
      <c r="A147" s="8">
        <v>7</v>
      </c>
      <c r="B147" s="8" t="s">
        <v>13</v>
      </c>
      <c r="C147" s="8" t="s">
        <v>72</v>
      </c>
      <c r="D147" s="8" t="s">
        <v>40</v>
      </c>
      <c r="E147" s="8" t="s">
        <v>41</v>
      </c>
      <c r="F147" s="9">
        <v>0.51041666666666696</v>
      </c>
      <c r="G147" s="62" t="s">
        <v>17</v>
      </c>
      <c r="H147" s="9">
        <v>0.48958333333333298</v>
      </c>
      <c r="I147" s="9">
        <v>0.49652777777777801</v>
      </c>
    </row>
    <row r="148" spans="1:9" ht="18.75" customHeight="1">
      <c r="A148" s="8">
        <v>8</v>
      </c>
      <c r="B148" s="8" t="s">
        <v>19</v>
      </c>
      <c r="C148" s="8" t="s">
        <v>72</v>
      </c>
      <c r="D148" s="8" t="s">
        <v>40</v>
      </c>
      <c r="E148" s="8" t="s">
        <v>41</v>
      </c>
      <c r="F148" s="9">
        <v>0.52083333333333304</v>
      </c>
      <c r="G148" s="62" t="s">
        <v>17</v>
      </c>
      <c r="H148" s="9">
        <v>0.5</v>
      </c>
      <c r="I148" s="9">
        <v>0.50694444444444398</v>
      </c>
    </row>
    <row r="149" spans="1:9" ht="18.75" customHeight="1">
      <c r="A149" s="17">
        <v>9</v>
      </c>
      <c r="B149" s="17" t="s">
        <v>19</v>
      </c>
      <c r="C149" s="17" t="s">
        <v>58</v>
      </c>
      <c r="D149" s="17" t="s">
        <v>24</v>
      </c>
      <c r="E149" s="17"/>
      <c r="F149" s="18">
        <v>0.53472222222222199</v>
      </c>
      <c r="G149" s="17">
        <v>1</v>
      </c>
      <c r="H149" s="18">
        <v>0.51388888888888895</v>
      </c>
      <c r="I149" s="18">
        <v>0.52083333333333304</v>
      </c>
    </row>
    <row r="150" spans="1:9" ht="18.75" customHeight="1">
      <c r="A150" s="8">
        <v>10</v>
      </c>
      <c r="B150" s="8" t="s">
        <v>13</v>
      </c>
      <c r="C150" s="8" t="s">
        <v>57</v>
      </c>
      <c r="D150" s="8" t="s">
        <v>24</v>
      </c>
      <c r="E150" s="8"/>
      <c r="F150" s="9">
        <v>0.55555555555555602</v>
      </c>
      <c r="G150" s="8">
        <v>1</v>
      </c>
      <c r="H150" s="9">
        <v>0.53472222222222199</v>
      </c>
      <c r="I150" s="9">
        <v>0.54166666666666696</v>
      </c>
    </row>
    <row r="151" spans="1:9" ht="18.75" customHeight="1">
      <c r="A151" s="8">
        <v>11</v>
      </c>
      <c r="B151" s="8" t="s">
        <v>19</v>
      </c>
      <c r="C151" s="8" t="s">
        <v>57</v>
      </c>
      <c r="D151" s="8" t="s">
        <v>24</v>
      </c>
      <c r="E151" s="8"/>
      <c r="F151" s="9">
        <v>0.5625</v>
      </c>
      <c r="G151" s="8">
        <v>1</v>
      </c>
      <c r="H151" s="9">
        <v>0.54166666666666696</v>
      </c>
      <c r="I151" s="9">
        <v>0.54861111111111105</v>
      </c>
    </row>
    <row r="152" spans="1:9" ht="18.75" customHeight="1">
      <c r="A152" s="8">
        <v>12</v>
      </c>
      <c r="B152" s="8" t="s">
        <v>13</v>
      </c>
      <c r="C152" s="8" t="s">
        <v>72</v>
      </c>
      <c r="D152" s="8" t="s">
        <v>24</v>
      </c>
      <c r="E152" s="8"/>
      <c r="F152" s="9">
        <v>0.57986111111111105</v>
      </c>
      <c r="G152" s="8">
        <v>1</v>
      </c>
      <c r="H152" s="9">
        <v>0.55902777777777801</v>
      </c>
      <c r="I152" s="9">
        <v>0.56597222222222199</v>
      </c>
    </row>
    <row r="153" spans="1:9" ht="18.75" customHeight="1">
      <c r="A153" s="8">
        <v>13</v>
      </c>
      <c r="B153" s="8" t="s">
        <v>19</v>
      </c>
      <c r="C153" s="8" t="s">
        <v>72</v>
      </c>
      <c r="D153" s="8" t="s">
        <v>24</v>
      </c>
      <c r="E153" s="8"/>
      <c r="F153" s="9">
        <v>0.58680555555555602</v>
      </c>
      <c r="G153" s="8">
        <v>1</v>
      </c>
      <c r="H153" s="9">
        <v>0.56597222222222199</v>
      </c>
      <c r="I153" s="9">
        <v>0.57291666666666696</v>
      </c>
    </row>
    <row r="154" spans="1:9" ht="18.75" customHeight="1">
      <c r="A154" s="80">
        <v>14</v>
      </c>
      <c r="B154" s="80" t="s">
        <v>13</v>
      </c>
      <c r="C154" s="80" t="s">
        <v>73</v>
      </c>
      <c r="D154" s="80" t="s">
        <v>54</v>
      </c>
      <c r="E154" s="80" t="s">
        <v>39</v>
      </c>
      <c r="F154" s="73">
        <v>0.59722222222222199</v>
      </c>
      <c r="G154" s="8" t="s">
        <v>17</v>
      </c>
      <c r="H154" s="19" t="s">
        <v>46</v>
      </c>
      <c r="I154" s="9">
        <v>0.58333333333333304</v>
      </c>
    </row>
    <row r="155" spans="1:9" ht="18.75" customHeight="1">
      <c r="A155" s="82"/>
      <c r="B155" s="82"/>
      <c r="C155" s="82"/>
      <c r="D155" s="82"/>
      <c r="E155" s="82"/>
      <c r="F155" s="75"/>
      <c r="G155" s="8">
        <v>3</v>
      </c>
      <c r="H155" s="19" t="s">
        <v>46</v>
      </c>
      <c r="I155" s="9">
        <v>0.59027777777777801</v>
      </c>
    </row>
    <row r="156" spans="1:9" ht="18.75" customHeight="1">
      <c r="A156" s="8">
        <v>15</v>
      </c>
      <c r="B156" s="8" t="s">
        <v>13</v>
      </c>
      <c r="C156" s="8" t="s">
        <v>62</v>
      </c>
      <c r="D156" s="8" t="s">
        <v>24</v>
      </c>
      <c r="E156" s="8"/>
      <c r="F156" s="9">
        <v>0.61805555555555602</v>
      </c>
      <c r="G156" s="8">
        <v>1</v>
      </c>
      <c r="H156" s="9">
        <v>0.59722222222222199</v>
      </c>
      <c r="I156" s="9">
        <v>0.60416666666666696</v>
      </c>
    </row>
    <row r="157" spans="1:9" ht="18.75" customHeight="1">
      <c r="A157" s="8">
        <v>16</v>
      </c>
      <c r="B157" s="8" t="s">
        <v>19</v>
      </c>
      <c r="C157" s="8" t="s">
        <v>62</v>
      </c>
      <c r="D157" s="8" t="s">
        <v>24</v>
      </c>
      <c r="E157" s="8"/>
      <c r="F157" s="9">
        <v>0.625</v>
      </c>
      <c r="G157" s="8">
        <v>1</v>
      </c>
      <c r="H157" s="9">
        <v>0.60416666666666696</v>
      </c>
      <c r="I157" s="9">
        <v>0.61111111111111105</v>
      </c>
    </row>
    <row r="158" spans="1:9" ht="18.75" customHeight="1">
      <c r="G158" s="11"/>
    </row>
    <row r="159" spans="1:9" ht="18.75" customHeight="1">
      <c r="A159" s="1" t="s">
        <v>25</v>
      </c>
    </row>
    <row r="160" spans="1:9" ht="18.75" customHeight="1">
      <c r="A160" s="4" t="s">
        <v>4</v>
      </c>
      <c r="B160" s="4" t="s">
        <v>5</v>
      </c>
      <c r="C160" s="4" t="s">
        <v>6</v>
      </c>
      <c r="D160" s="4" t="s">
        <v>7</v>
      </c>
      <c r="E160" s="4" t="s">
        <v>26</v>
      </c>
      <c r="F160" s="5" t="s">
        <v>9</v>
      </c>
      <c r="G160" s="4" t="s">
        <v>10</v>
      </c>
      <c r="H160" s="5" t="s">
        <v>11</v>
      </c>
      <c r="I160" s="5" t="s">
        <v>12</v>
      </c>
    </row>
    <row r="161" spans="1:12" ht="18.75" customHeight="1">
      <c r="A161" s="8">
        <v>1</v>
      </c>
      <c r="B161" s="8" t="s">
        <v>13</v>
      </c>
      <c r="C161" s="8" t="s">
        <v>74</v>
      </c>
      <c r="D161" s="8" t="s">
        <v>54</v>
      </c>
      <c r="E161" s="4" t="s">
        <v>49</v>
      </c>
      <c r="F161" s="9">
        <v>0.39583333333333298</v>
      </c>
      <c r="G161" s="8">
        <v>1</v>
      </c>
      <c r="H161" s="9">
        <v>0.36111111111111099</v>
      </c>
      <c r="I161" s="9">
        <v>0.36805555555555602</v>
      </c>
    </row>
    <row r="162" spans="1:12" ht="18.75" customHeight="1">
      <c r="A162" s="8">
        <v>2</v>
      </c>
      <c r="B162" s="8" t="s">
        <v>13</v>
      </c>
      <c r="C162" s="8" t="s">
        <v>67</v>
      </c>
      <c r="D162" s="8" t="s">
        <v>24</v>
      </c>
      <c r="E162" s="4" t="s">
        <v>49</v>
      </c>
      <c r="F162" s="9">
        <v>0.51388888888888895</v>
      </c>
      <c r="G162" s="8">
        <v>1</v>
      </c>
      <c r="H162" s="9">
        <v>0.47916666666666702</v>
      </c>
      <c r="I162" s="9">
        <v>0.48611111111111099</v>
      </c>
    </row>
    <row r="163" spans="1:12" ht="18.75" customHeight="1">
      <c r="A163" s="20"/>
      <c r="B163" s="20"/>
      <c r="C163" s="20"/>
      <c r="D163" s="20"/>
      <c r="E163" s="21"/>
      <c r="F163" s="22"/>
      <c r="G163" s="20"/>
      <c r="H163" s="22"/>
      <c r="I163" s="22"/>
    </row>
    <row r="164" spans="1:12" ht="18.75" customHeight="1">
      <c r="A164" s="1" t="s">
        <v>31</v>
      </c>
      <c r="B164" s="13"/>
      <c r="C164" s="13"/>
      <c r="D164" s="13"/>
      <c r="E164" s="14"/>
      <c r="F164" s="15"/>
      <c r="G164" s="13"/>
      <c r="H164" s="15"/>
      <c r="I164" s="15"/>
    </row>
    <row r="165" spans="1:12" ht="18.75" customHeight="1">
      <c r="A165" s="8">
        <v>1</v>
      </c>
      <c r="B165" s="8" t="s">
        <v>19</v>
      </c>
      <c r="C165" s="8" t="s">
        <v>75</v>
      </c>
      <c r="D165" s="8" t="s">
        <v>24</v>
      </c>
      <c r="E165" s="4" t="s">
        <v>33</v>
      </c>
      <c r="F165" s="9">
        <v>0.39236111111111099</v>
      </c>
      <c r="G165" s="8">
        <v>1</v>
      </c>
      <c r="H165" s="9">
        <v>0.35763888888888901</v>
      </c>
      <c r="I165" s="9">
        <v>0.36458333333333298</v>
      </c>
      <c r="L165" s="2"/>
    </row>
    <row r="166" spans="1:12" ht="18.75" customHeight="1">
      <c r="A166" s="8">
        <v>2</v>
      </c>
      <c r="B166" s="8" t="s">
        <v>13</v>
      </c>
      <c r="C166" s="8" t="s">
        <v>76</v>
      </c>
      <c r="D166" s="8" t="s">
        <v>54</v>
      </c>
      <c r="E166" s="4" t="s">
        <v>33</v>
      </c>
      <c r="F166" s="9">
        <v>0.48958333333333298</v>
      </c>
      <c r="G166" s="8">
        <v>1</v>
      </c>
      <c r="H166" s="19" t="s">
        <v>46</v>
      </c>
      <c r="I166" s="9">
        <v>0.46180555555555602</v>
      </c>
    </row>
    <row r="167" spans="1:12" ht="18.75" customHeight="1">
      <c r="A167" s="8">
        <v>3</v>
      </c>
      <c r="B167" s="8" t="s">
        <v>13</v>
      </c>
      <c r="C167" s="8" t="s">
        <v>75</v>
      </c>
      <c r="D167" s="8" t="s">
        <v>24</v>
      </c>
      <c r="E167" s="4" t="s">
        <v>33</v>
      </c>
      <c r="F167" s="9">
        <v>0.55208333333333304</v>
      </c>
      <c r="G167" s="8">
        <v>1</v>
      </c>
      <c r="H167" s="9">
        <v>0.51736111111111105</v>
      </c>
      <c r="I167" s="9">
        <v>0.52430555555555602</v>
      </c>
    </row>
  </sheetData>
  <mergeCells count="156">
    <mergeCell ref="A1:I1"/>
    <mergeCell ref="A2:I2"/>
    <mergeCell ref="A3:I3"/>
    <mergeCell ref="A32:I32"/>
    <mergeCell ref="A79:I79"/>
    <mergeCell ref="A134:I134"/>
    <mergeCell ref="A6:A8"/>
    <mergeCell ref="A9:A11"/>
    <mergeCell ref="A12:A13"/>
    <mergeCell ref="A14:A15"/>
    <mergeCell ref="A16:A18"/>
    <mergeCell ref="A19:A21"/>
    <mergeCell ref="A35:A36"/>
    <mergeCell ref="A39:A41"/>
    <mergeCell ref="A42:A44"/>
    <mergeCell ref="A56:A58"/>
    <mergeCell ref="A59:A61"/>
    <mergeCell ref="A62:A63"/>
    <mergeCell ref="A82:A83"/>
    <mergeCell ref="A84:A85"/>
    <mergeCell ref="A86:A88"/>
    <mergeCell ref="A89:A91"/>
    <mergeCell ref="A92:A94"/>
    <mergeCell ref="A95:A97"/>
    <mergeCell ref="A109:A110"/>
    <mergeCell ref="A111:A112"/>
    <mergeCell ref="A114:A116"/>
    <mergeCell ref="A117:A119"/>
    <mergeCell ref="A140:A142"/>
    <mergeCell ref="A143:A145"/>
    <mergeCell ref="A154:A155"/>
    <mergeCell ref="B6:B8"/>
    <mergeCell ref="B9:B11"/>
    <mergeCell ref="B12:B13"/>
    <mergeCell ref="B14:B15"/>
    <mergeCell ref="B16:B18"/>
    <mergeCell ref="B19:B21"/>
    <mergeCell ref="B35:B36"/>
    <mergeCell ref="B39:B41"/>
    <mergeCell ref="B42:B44"/>
    <mergeCell ref="B56:B58"/>
    <mergeCell ref="B59:B61"/>
    <mergeCell ref="B62:B63"/>
    <mergeCell ref="B82:B83"/>
    <mergeCell ref="B84:B85"/>
    <mergeCell ref="B86:B88"/>
    <mergeCell ref="B89:B91"/>
    <mergeCell ref="B92:B94"/>
    <mergeCell ref="B95:B97"/>
    <mergeCell ref="B109:B110"/>
    <mergeCell ref="B111:B112"/>
    <mergeCell ref="B114:B116"/>
    <mergeCell ref="B117:B119"/>
    <mergeCell ref="B140:B142"/>
    <mergeCell ref="B143:B145"/>
    <mergeCell ref="B154:B155"/>
    <mergeCell ref="C6:C8"/>
    <mergeCell ref="C9:C11"/>
    <mergeCell ref="C12:C13"/>
    <mergeCell ref="C14:C15"/>
    <mergeCell ref="C16:C18"/>
    <mergeCell ref="C19:C21"/>
    <mergeCell ref="C35:C36"/>
    <mergeCell ref="C39:C41"/>
    <mergeCell ref="C42:C44"/>
    <mergeCell ref="C56:C58"/>
    <mergeCell ref="C59:C61"/>
    <mergeCell ref="C62:C63"/>
    <mergeCell ref="C82:C83"/>
    <mergeCell ref="C84:C85"/>
    <mergeCell ref="C86:C88"/>
    <mergeCell ref="C89:C91"/>
    <mergeCell ref="C92:C94"/>
    <mergeCell ref="C95:C97"/>
    <mergeCell ref="C109:C110"/>
    <mergeCell ref="C111:C112"/>
    <mergeCell ref="C114:C116"/>
    <mergeCell ref="C117:C119"/>
    <mergeCell ref="C140:C142"/>
    <mergeCell ref="C143:C145"/>
    <mergeCell ref="C154:C155"/>
    <mergeCell ref="D6:D8"/>
    <mergeCell ref="D9:D11"/>
    <mergeCell ref="D12:D13"/>
    <mergeCell ref="D14:D15"/>
    <mergeCell ref="D16:D18"/>
    <mergeCell ref="D19:D21"/>
    <mergeCell ref="D35:D36"/>
    <mergeCell ref="D39:D41"/>
    <mergeCell ref="D42:D44"/>
    <mergeCell ref="D56:D58"/>
    <mergeCell ref="D59:D61"/>
    <mergeCell ref="D62:D63"/>
    <mergeCell ref="D82:D83"/>
    <mergeCell ref="D84:D85"/>
    <mergeCell ref="D86:D88"/>
    <mergeCell ref="D89:D91"/>
    <mergeCell ref="D92:D94"/>
    <mergeCell ref="D95:D97"/>
    <mergeCell ref="D109:D110"/>
    <mergeCell ref="D111:D112"/>
    <mergeCell ref="D114:D116"/>
    <mergeCell ref="D117:D119"/>
    <mergeCell ref="D140:D142"/>
    <mergeCell ref="D143:D145"/>
    <mergeCell ref="D154:D155"/>
    <mergeCell ref="E6:E8"/>
    <mergeCell ref="E9:E11"/>
    <mergeCell ref="E12:E13"/>
    <mergeCell ref="E14:E15"/>
    <mergeCell ref="E16:E18"/>
    <mergeCell ref="E19:E21"/>
    <mergeCell ref="E35:E36"/>
    <mergeCell ref="E39:E41"/>
    <mergeCell ref="E42:E44"/>
    <mergeCell ref="E56:E58"/>
    <mergeCell ref="E59:E61"/>
    <mergeCell ref="E62:E63"/>
    <mergeCell ref="E82:E83"/>
    <mergeCell ref="E84:E85"/>
    <mergeCell ref="E86:E88"/>
    <mergeCell ref="E89:E91"/>
    <mergeCell ref="E92:E94"/>
    <mergeCell ref="E95:E97"/>
    <mergeCell ref="E109:E110"/>
    <mergeCell ref="E111:E112"/>
    <mergeCell ref="E114:E116"/>
    <mergeCell ref="E117:E119"/>
    <mergeCell ref="E140:E142"/>
    <mergeCell ref="E143:E145"/>
    <mergeCell ref="E154:E155"/>
    <mergeCell ref="F6:F8"/>
    <mergeCell ref="F9:F11"/>
    <mergeCell ref="F12:F13"/>
    <mergeCell ref="F14:F15"/>
    <mergeCell ref="F16:F18"/>
    <mergeCell ref="F19:F21"/>
    <mergeCell ref="F35:F36"/>
    <mergeCell ref="F39:F41"/>
    <mergeCell ref="F42:F44"/>
    <mergeCell ref="F56:F58"/>
    <mergeCell ref="F59:F61"/>
    <mergeCell ref="F62:F63"/>
    <mergeCell ref="F82:F83"/>
    <mergeCell ref="F84:F85"/>
    <mergeCell ref="F86:F88"/>
    <mergeCell ref="F89:F91"/>
    <mergeCell ref="F92:F94"/>
    <mergeCell ref="F95:F97"/>
    <mergeCell ref="F109:F110"/>
    <mergeCell ref="F111:F112"/>
    <mergeCell ref="F114:F116"/>
    <mergeCell ref="F117:F119"/>
    <mergeCell ref="F140:F142"/>
    <mergeCell ref="F143:F145"/>
    <mergeCell ref="F154:F155"/>
  </mergeCells>
  <phoneticPr fontId="18"/>
  <printOptions horizontalCentered="1"/>
  <pageMargins left="0.59055118110236204" right="0.59055118110236204" top="0.55118110236220497" bottom="0.55118110236220497" header="0.31496062992126" footer="0.31496062992126"/>
  <pageSetup paperSize="9" scale="88" orientation="portrait" cellComments="asDisplayed" r:id="rId1"/>
  <rowBreaks count="3" manualBreakCount="3">
    <brk id="31" max="8" man="1"/>
    <brk id="78" max="8" man="1"/>
    <brk id="133" max="8" man="1"/>
  </rowBreaks>
  <drawing r:id="rId2"/>
</worksheet>
</file>

<file path=docMetadata/LabelInfo.xml><?xml version="1.0" encoding="utf-8"?>
<clbl:labelList xmlns:clbl="http://schemas.microsoft.com/office/2020/mipLabelMetadata">
  <clbl:label id="{1788b8f9-a018-4758-bcbe-9cabdfabed46}" enabled="1" method="Privileged" siteId="{1b87897d-17e9-4f78-879a-000cc37655fd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4</vt:i4>
      </vt:variant>
    </vt:vector>
  </HeadingPairs>
  <TitlesOfParts>
    <vt:vector size="9" baseType="lpstr">
      <vt:lpstr>2026タイムテーブル 案260424</vt:lpstr>
      <vt:lpstr>2026タイムテーブル 案260227(対称) </vt:lpstr>
      <vt:lpstr>2026タイムテーブル素案 (対称)</vt:lpstr>
      <vt:lpstr>補足説明</vt:lpstr>
      <vt:lpstr>2025タイムテーブル（福井）</vt:lpstr>
      <vt:lpstr>'2025タイムテーブル（福井）'!Print_Area</vt:lpstr>
      <vt:lpstr>'2026タイムテーブル 案260227(対称) '!Print_Area</vt:lpstr>
      <vt:lpstr>'2026タイムテーブル 案260424'!Print_Area</vt:lpstr>
      <vt:lpstr>'2026タイムテーブル素案 (対称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kosugi</dc:creator>
  <cp:lastModifiedBy>木村 哲也</cp:lastModifiedBy>
  <cp:lastPrinted>2026-05-01T08:06:32Z</cp:lastPrinted>
  <dcterms:created xsi:type="dcterms:W3CDTF">2007-01-21T23:09:00Z</dcterms:created>
  <dcterms:modified xsi:type="dcterms:W3CDTF">2026-05-07T06:10:5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CV">
    <vt:lpwstr>73DFB39B261342B29802F225B415E4EF</vt:lpwstr>
  </property>
  <property fmtid="{D5CDD505-2E9C-101B-9397-08002B2CF9AE}" pid="3" name="KSOProductBuildVer">
    <vt:lpwstr>1041-11.2.0.10707</vt:lpwstr>
  </property>
</Properties>
</file>